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19330"/>
  <workbookPr defaultThemeVersion="166925"/>
  <mc:AlternateContent xmlns:mc="http://schemas.openxmlformats.org/markup-compatibility/2006">
    <mc:Choice Requires="x15">
      <x15ac:absPath xmlns:x15ac="http://schemas.microsoft.com/office/spreadsheetml/2010/11/ac" url="C:\Users\HP-PCuser\Desktop\デジタルアーカイブHP更新\archive\gyousei\kenmin\s30\"/>
    </mc:Choice>
  </mc:AlternateContent>
  <xr:revisionPtr revIDLastSave="0" documentId="10_ncr:8100000_{16616C69-E6F2-441C-A202-598E539F10E1}" xr6:coauthVersionLast="33" xr6:coauthVersionMax="33" xr10:uidLastSave="{00000000-0000-0000-0000-000000000000}"/>
  <bookViews>
    <workbookView xWindow="0" yWindow="0" windowWidth="9330" windowHeight="11340" xr2:uid="{89724E15-DE16-44A9-9CD0-ECABEF7BFDAE}"/>
  </bookViews>
  <sheets>
    <sheet name="30"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81" uniqueCount="1281">
  <si>
    <t>県民の友 昭和30年</t>
    <rPh sb="5" eb="7">
      <t>ショウワ</t>
    </rPh>
    <rPh sb="9" eb="10">
      <t>ネン</t>
    </rPh>
    <phoneticPr fontId="3"/>
  </si>
  <si>
    <t>一面記事見出し</t>
    <rPh sb="0" eb="2">
      <t>イチメン</t>
    </rPh>
    <rPh sb="2" eb="4">
      <t>キジ</t>
    </rPh>
    <rPh sb="4" eb="6">
      <t>ミダ</t>
    </rPh>
    <phoneticPr fontId="3"/>
  </si>
  <si>
    <t>年号</t>
    <rPh sb="0" eb="2">
      <t>ネンゴウ</t>
    </rPh>
    <phoneticPr fontId="3"/>
  </si>
  <si>
    <t>年</t>
    <rPh sb="0" eb="1">
      <t>ネン</t>
    </rPh>
    <phoneticPr fontId="3"/>
  </si>
  <si>
    <t>月</t>
    <rPh sb="0" eb="1">
      <t>ツキ</t>
    </rPh>
    <phoneticPr fontId="3"/>
  </si>
  <si>
    <t>日</t>
    <rPh sb="0" eb="1">
      <t>ヒ</t>
    </rPh>
    <phoneticPr fontId="3"/>
  </si>
  <si>
    <t>発行番号</t>
    <rPh sb="0" eb="2">
      <t>ハッコウ</t>
    </rPh>
    <rPh sb="2" eb="4">
      <t>バンゴウ</t>
    </rPh>
    <phoneticPr fontId="3"/>
  </si>
  <si>
    <t>新生活運動下の新春　知事　小野眞次</t>
    <rPh sb="0" eb="3">
      <t>シンセイカツ</t>
    </rPh>
    <rPh sb="3" eb="5">
      <t>ウンドウ</t>
    </rPh>
    <rPh sb="5" eb="6">
      <t>シタ</t>
    </rPh>
    <rPh sb="7" eb="9">
      <t>シンシュン</t>
    </rPh>
    <rPh sb="10" eb="12">
      <t>チジ</t>
    </rPh>
    <rPh sb="13" eb="17">
      <t>オノシンジ</t>
    </rPh>
    <phoneticPr fontId="2"/>
  </si>
  <si>
    <t>昭和</t>
    <rPh sb="0" eb="2">
      <t>ショウワ</t>
    </rPh>
    <phoneticPr fontId="2"/>
  </si>
  <si>
    <t>災害復旧完成の年　県議会議長　平越孝一</t>
    <rPh sb="0" eb="2">
      <t>サイガイ</t>
    </rPh>
    <rPh sb="2" eb="4">
      <t>フッキュウ</t>
    </rPh>
    <rPh sb="4" eb="6">
      <t>カンセイ</t>
    </rPh>
    <rPh sb="7" eb="8">
      <t>トシ</t>
    </rPh>
    <rPh sb="9" eb="12">
      <t>ケンギカイ</t>
    </rPh>
    <rPh sb="12" eb="14">
      <t>ギチョウ</t>
    </rPh>
    <rPh sb="15" eb="19">
      <t>ヒラコシタカカズ</t>
    </rPh>
    <phoneticPr fontId="2"/>
  </si>
  <si>
    <t>謹告　県民の友　地方版発行について　知事公室長　大橋正雄</t>
    <rPh sb="0" eb="2">
      <t>キンコク</t>
    </rPh>
    <rPh sb="3" eb="5">
      <t>ケンミン</t>
    </rPh>
    <rPh sb="6" eb="7">
      <t>トモ</t>
    </rPh>
    <rPh sb="8" eb="11">
      <t>チホウバン</t>
    </rPh>
    <rPh sb="11" eb="13">
      <t>ハッコウ</t>
    </rPh>
    <rPh sb="18" eb="20">
      <t>チジ</t>
    </rPh>
    <rPh sb="20" eb="23">
      <t>コウシツチョウ</t>
    </rPh>
    <rPh sb="24" eb="26">
      <t>オオハシ</t>
    </rPh>
    <rPh sb="26" eb="28">
      <t>マサオ</t>
    </rPh>
    <phoneticPr fontId="2"/>
  </si>
  <si>
    <t>滴々抄</t>
    <rPh sb="0" eb="2">
      <t>テキテキ</t>
    </rPh>
    <rPh sb="2" eb="3">
      <t>ショウ</t>
    </rPh>
    <phoneticPr fontId="2"/>
  </si>
  <si>
    <t>照明と家庭電化展　１月１２日から１８日まで　丸正百貨店四階会場</t>
    <rPh sb="0" eb="2">
      <t>ショウメイ</t>
    </rPh>
    <rPh sb="3" eb="5">
      <t>カテイ</t>
    </rPh>
    <rPh sb="5" eb="7">
      <t>デンカ</t>
    </rPh>
    <rPh sb="7" eb="8">
      <t>テン</t>
    </rPh>
    <rPh sb="10" eb="11">
      <t>ガツ</t>
    </rPh>
    <rPh sb="13" eb="14">
      <t>ニチ</t>
    </rPh>
    <rPh sb="18" eb="19">
      <t>ニチ</t>
    </rPh>
    <rPh sb="22" eb="27">
      <t>マルショウヒャッカテン</t>
    </rPh>
    <rPh sb="27" eb="28">
      <t>4</t>
    </rPh>
    <rPh sb="28" eb="29">
      <t>カイ</t>
    </rPh>
    <rPh sb="29" eb="31">
      <t>カイジョウ</t>
    </rPh>
    <phoneticPr fontId="2"/>
  </si>
  <si>
    <t>医師・歯科医師・薬剤師の方へ　年末の届出について</t>
    <rPh sb="0" eb="2">
      <t>イシ</t>
    </rPh>
    <rPh sb="3" eb="7">
      <t>シカイシ</t>
    </rPh>
    <rPh sb="8" eb="11">
      <t>ヤクザイシ</t>
    </rPh>
    <rPh sb="12" eb="13">
      <t>カタ</t>
    </rPh>
    <rPh sb="15" eb="17">
      <t>ネンマツ</t>
    </rPh>
    <rPh sb="18" eb="20">
      <t>トドケデ</t>
    </rPh>
    <phoneticPr fontId="2"/>
  </si>
  <si>
    <t>定例十二月県議会ひらく　県政史上空前の予算審議　医大病院　家畜導入　（写真　議案を説明する小野知事）</t>
    <rPh sb="0" eb="2">
      <t>テイレイ</t>
    </rPh>
    <rPh sb="2" eb="4">
      <t>12</t>
    </rPh>
    <rPh sb="4" eb="5">
      <t>ガツ</t>
    </rPh>
    <rPh sb="5" eb="8">
      <t>ケンギカイ</t>
    </rPh>
    <rPh sb="12" eb="14">
      <t>ケンセイ</t>
    </rPh>
    <rPh sb="14" eb="16">
      <t>シジョウ</t>
    </rPh>
    <rPh sb="16" eb="18">
      <t>クウゼン</t>
    </rPh>
    <rPh sb="19" eb="21">
      <t>ヨサン</t>
    </rPh>
    <rPh sb="21" eb="23">
      <t>シンギ</t>
    </rPh>
    <rPh sb="24" eb="26">
      <t>イダイ</t>
    </rPh>
    <rPh sb="26" eb="28">
      <t>ビョウイン</t>
    </rPh>
    <rPh sb="29" eb="31">
      <t>カチク</t>
    </rPh>
    <rPh sb="31" eb="33">
      <t>ドウニュウ</t>
    </rPh>
    <rPh sb="35" eb="37">
      <t>シャシン</t>
    </rPh>
    <rPh sb="38" eb="40">
      <t>ギアン</t>
    </rPh>
    <rPh sb="41" eb="43">
      <t>セツメイ</t>
    </rPh>
    <rPh sb="45" eb="47">
      <t>オノ</t>
    </rPh>
    <rPh sb="47" eb="49">
      <t>チジ</t>
    </rPh>
    <phoneticPr fontId="2"/>
  </si>
  <si>
    <t>和歌山は第二の故郷　遠藤鳥取県知事談</t>
    <rPh sb="0" eb="3">
      <t>ワカヤマ</t>
    </rPh>
    <rPh sb="4" eb="5">
      <t>ダイ</t>
    </rPh>
    <rPh sb="5" eb="6">
      <t>2</t>
    </rPh>
    <rPh sb="7" eb="9">
      <t>フルサト</t>
    </rPh>
    <rPh sb="10" eb="12">
      <t>エンドウ</t>
    </rPh>
    <rPh sb="12" eb="14">
      <t>トットリ</t>
    </rPh>
    <rPh sb="14" eb="17">
      <t>ケンチジ</t>
    </rPh>
    <rPh sb="17" eb="18">
      <t>ダン</t>
    </rPh>
    <phoneticPr fontId="2"/>
  </si>
  <si>
    <t>家畜導入に融資　無畜農家解消にカンフル</t>
    <rPh sb="0" eb="2">
      <t>カチク</t>
    </rPh>
    <rPh sb="2" eb="4">
      <t>ドウニュウ</t>
    </rPh>
    <rPh sb="5" eb="7">
      <t>ユウシ</t>
    </rPh>
    <rPh sb="8" eb="9">
      <t>ム</t>
    </rPh>
    <rPh sb="9" eb="10">
      <t>チク</t>
    </rPh>
    <rPh sb="10" eb="12">
      <t>ノウカ</t>
    </rPh>
    <rPh sb="12" eb="14">
      <t>カイショウ</t>
    </rPh>
    <phoneticPr fontId="2"/>
  </si>
  <si>
    <t>のし飴に断　不良食品を一斉取締り</t>
    <rPh sb="2" eb="3">
      <t>アメ</t>
    </rPh>
    <rPh sb="4" eb="5">
      <t>ダン</t>
    </rPh>
    <rPh sb="6" eb="8">
      <t>フリョウ</t>
    </rPh>
    <rPh sb="8" eb="10">
      <t>ショクヒン</t>
    </rPh>
    <rPh sb="11" eb="13">
      <t>イッセイ</t>
    </rPh>
    <rPh sb="13" eb="15">
      <t>トリシマ</t>
    </rPh>
    <phoneticPr fontId="2"/>
  </si>
  <si>
    <t>新生活運動のページ　式は公民館で　活躍する広町結婚改善委員（写真　砂山こども銀行風景）</t>
    <rPh sb="0" eb="5">
      <t>シンセイカツウンドウ</t>
    </rPh>
    <rPh sb="10" eb="11">
      <t>シキ</t>
    </rPh>
    <rPh sb="12" eb="15">
      <t>コウミンカン</t>
    </rPh>
    <rPh sb="17" eb="19">
      <t>カツヤク</t>
    </rPh>
    <rPh sb="21" eb="22">
      <t>ヒロ</t>
    </rPh>
    <rPh sb="22" eb="23">
      <t>マチ</t>
    </rPh>
    <rPh sb="23" eb="25">
      <t>ケッコン</t>
    </rPh>
    <rPh sb="25" eb="27">
      <t>カイゼン</t>
    </rPh>
    <rPh sb="27" eb="29">
      <t>イイン</t>
    </rPh>
    <rPh sb="30" eb="32">
      <t>シャシン</t>
    </rPh>
    <rPh sb="33" eb="35">
      <t>スナヤマ</t>
    </rPh>
    <rPh sb="38" eb="40">
      <t>ギンコウ</t>
    </rPh>
    <rPh sb="40" eb="42">
      <t>フウケイ</t>
    </rPh>
    <phoneticPr fontId="2"/>
  </si>
  <si>
    <t>新生活運動のページ　年賀状は廃止　県職員の年末年始</t>
    <rPh sb="0" eb="5">
      <t>シンセイカツウンドウ</t>
    </rPh>
    <rPh sb="10" eb="13">
      <t>ネンガジョウ</t>
    </rPh>
    <rPh sb="14" eb="16">
      <t>ハイシ</t>
    </rPh>
    <rPh sb="17" eb="20">
      <t>ケンショクイン</t>
    </rPh>
    <rPh sb="21" eb="23">
      <t>ネンマツ</t>
    </rPh>
    <rPh sb="23" eb="25">
      <t>ネンシ</t>
    </rPh>
    <phoneticPr fontId="2"/>
  </si>
  <si>
    <t>新生活運動のページ　全国小学校たすけあい作文コンクール入選作品　「たいふう」　芦原小学校三年生　吉益忠雄くん）</t>
    <rPh sb="0" eb="5">
      <t>シンセイカツウンドウ</t>
    </rPh>
    <rPh sb="10" eb="12">
      <t>ゼンコク</t>
    </rPh>
    <rPh sb="12" eb="15">
      <t>ショウガコウ</t>
    </rPh>
    <rPh sb="20" eb="22">
      <t>サクブン</t>
    </rPh>
    <rPh sb="27" eb="29">
      <t>ニュウセン</t>
    </rPh>
    <rPh sb="29" eb="31">
      <t>サクヒン</t>
    </rPh>
    <rPh sb="39" eb="41">
      <t>アシハラ</t>
    </rPh>
    <rPh sb="41" eb="44">
      <t>ショウガッコウ</t>
    </rPh>
    <rPh sb="44" eb="45">
      <t>3</t>
    </rPh>
    <rPh sb="45" eb="47">
      <t>ネンセイ</t>
    </rPh>
    <rPh sb="48" eb="50">
      <t>ヨシマス</t>
    </rPh>
    <rPh sb="50" eb="52">
      <t>タダオ</t>
    </rPh>
    <phoneticPr fontId="2"/>
  </si>
  <si>
    <t>学窓を巣立つ青少年の雇用に御協力下さい</t>
    <rPh sb="0" eb="2">
      <t>ガクソウ</t>
    </rPh>
    <rPh sb="3" eb="5">
      <t>スダ</t>
    </rPh>
    <rPh sb="6" eb="9">
      <t>セイショウネン</t>
    </rPh>
    <rPh sb="10" eb="12">
      <t>コヨウ</t>
    </rPh>
    <rPh sb="13" eb="16">
      <t>ゴキョウリョク</t>
    </rPh>
    <rPh sb="16" eb="17">
      <t>クダ</t>
    </rPh>
    <phoneticPr fontId="2"/>
  </si>
  <si>
    <t>補導生募集</t>
    <rPh sb="0" eb="3">
      <t>ホドウセイ</t>
    </rPh>
    <rPh sb="3" eb="5">
      <t>ボシュウ</t>
    </rPh>
    <phoneticPr fontId="2"/>
  </si>
  <si>
    <t>移民に明るい見通し　新しくパラグアイ　アルゼンチンへも交渉</t>
    <rPh sb="0" eb="2">
      <t>イミン</t>
    </rPh>
    <rPh sb="3" eb="4">
      <t>アカ</t>
    </rPh>
    <rPh sb="6" eb="8">
      <t>ミトオ</t>
    </rPh>
    <rPh sb="10" eb="11">
      <t>アタラ</t>
    </rPh>
    <rPh sb="27" eb="29">
      <t>コウショウ</t>
    </rPh>
    <phoneticPr fontId="2"/>
  </si>
  <si>
    <t>バンダ海から朗報　那智丸　まぐろ漁に新記録（写真　那智丸）</t>
    <rPh sb="3" eb="4">
      <t>カイ</t>
    </rPh>
    <rPh sb="6" eb="8">
      <t>ロウホウ</t>
    </rPh>
    <rPh sb="9" eb="11">
      <t>ナチ</t>
    </rPh>
    <rPh sb="11" eb="12">
      <t>マル</t>
    </rPh>
    <rPh sb="16" eb="17">
      <t>リョウ</t>
    </rPh>
    <rPh sb="18" eb="21">
      <t>シンキロク</t>
    </rPh>
    <rPh sb="22" eb="24">
      <t>シャシン</t>
    </rPh>
    <rPh sb="25" eb="27">
      <t>ナチ</t>
    </rPh>
    <rPh sb="27" eb="28">
      <t>マル</t>
    </rPh>
    <phoneticPr fontId="2"/>
  </si>
  <si>
    <t>高知から留学生　みかんの栽培習得に</t>
    <rPh sb="0" eb="2">
      <t>コウチ</t>
    </rPh>
    <rPh sb="4" eb="7">
      <t>リュウガクセイ</t>
    </rPh>
    <rPh sb="12" eb="14">
      <t>サイバイ</t>
    </rPh>
    <rPh sb="14" eb="16">
      <t>シュウトク</t>
    </rPh>
    <phoneticPr fontId="2"/>
  </si>
  <si>
    <t>貯蓄推進ポスター図案募集</t>
    <rPh sb="0" eb="2">
      <t>チョチク</t>
    </rPh>
    <rPh sb="2" eb="4">
      <t>スイシン</t>
    </rPh>
    <rPh sb="8" eb="10">
      <t>ズアン</t>
    </rPh>
    <rPh sb="10" eb="12">
      <t>ボシュウ</t>
    </rPh>
    <phoneticPr fontId="2"/>
  </si>
  <si>
    <t>古座川ダム工事進む　建設の陰に七川村民の協力</t>
    <rPh sb="0" eb="3">
      <t>コザガワ</t>
    </rPh>
    <rPh sb="5" eb="7">
      <t>コウジ</t>
    </rPh>
    <rPh sb="7" eb="8">
      <t>スス</t>
    </rPh>
    <rPh sb="10" eb="12">
      <t>ケンセツ</t>
    </rPh>
    <rPh sb="13" eb="14">
      <t>カゲ</t>
    </rPh>
    <rPh sb="15" eb="16">
      <t>7</t>
    </rPh>
    <rPh sb="16" eb="17">
      <t>カワ</t>
    </rPh>
    <rPh sb="17" eb="19">
      <t>ソンミン</t>
    </rPh>
    <rPh sb="20" eb="22">
      <t>キョウリョク</t>
    </rPh>
    <phoneticPr fontId="2"/>
  </si>
  <si>
    <t>告知板　人事異動</t>
    <rPh sb="0" eb="3">
      <t>コクチバン</t>
    </rPh>
    <rPh sb="4" eb="6">
      <t>ジンジ</t>
    </rPh>
    <rPh sb="6" eb="8">
      <t>イドウ</t>
    </rPh>
    <phoneticPr fontId="2"/>
  </si>
  <si>
    <t>告知板　一月一日に発足　橋本市、由良町など</t>
    <rPh sb="0" eb="3">
      <t>コクチバン</t>
    </rPh>
    <rPh sb="4" eb="5">
      <t>1</t>
    </rPh>
    <rPh sb="5" eb="6">
      <t>ガツ</t>
    </rPh>
    <rPh sb="6" eb="7">
      <t>1</t>
    </rPh>
    <rPh sb="7" eb="8">
      <t>ヒ</t>
    </rPh>
    <rPh sb="9" eb="11">
      <t>ホッソク</t>
    </rPh>
    <rPh sb="12" eb="15">
      <t>ハシモトシ</t>
    </rPh>
    <rPh sb="16" eb="19">
      <t>ユラチョウ</t>
    </rPh>
    <phoneticPr fontId="2"/>
  </si>
  <si>
    <t>告知板　自動車運免試験</t>
    <rPh sb="0" eb="3">
      <t>コクチバン</t>
    </rPh>
    <rPh sb="4" eb="7">
      <t>ジドウシャ</t>
    </rPh>
    <rPh sb="7" eb="9">
      <t>ウンメン</t>
    </rPh>
    <rPh sb="9" eb="11">
      <t>シケン</t>
    </rPh>
    <phoneticPr fontId="2"/>
  </si>
  <si>
    <t>看護婦　保健婦　学生募集　和歌山市徒町　県立高等看護学院</t>
    <rPh sb="0" eb="3">
      <t>カンゴフ</t>
    </rPh>
    <rPh sb="4" eb="7">
      <t>ホケンフ</t>
    </rPh>
    <rPh sb="8" eb="10">
      <t>ガクセイ</t>
    </rPh>
    <rPh sb="10" eb="12">
      <t>ボシュウ</t>
    </rPh>
    <rPh sb="13" eb="17">
      <t>ワカヤマシ</t>
    </rPh>
    <rPh sb="17" eb="18">
      <t>ト</t>
    </rPh>
    <rPh sb="18" eb="19">
      <t>マチ</t>
    </rPh>
    <rPh sb="20" eb="22">
      <t>ケンリツ</t>
    </rPh>
    <rPh sb="22" eb="24">
      <t>コウトウ</t>
    </rPh>
    <rPh sb="24" eb="28">
      <t>カンゴガクイン</t>
    </rPh>
    <phoneticPr fontId="2"/>
  </si>
  <si>
    <t>お母さま方に警告！　ジフテリヤ　予防接種</t>
    <rPh sb="1" eb="2">
      <t>カア</t>
    </rPh>
    <rPh sb="4" eb="5">
      <t>カタ</t>
    </rPh>
    <rPh sb="6" eb="8">
      <t>ケイコク</t>
    </rPh>
    <rPh sb="16" eb="18">
      <t>ヨボウ</t>
    </rPh>
    <rPh sb="18" eb="20">
      <t>セッシュ</t>
    </rPh>
    <phoneticPr fontId="2"/>
  </si>
  <si>
    <t>市内版　近代的観光都市へ（写真）</t>
    <rPh sb="0" eb="2">
      <t>シナイ</t>
    </rPh>
    <rPh sb="2" eb="3">
      <t>バン</t>
    </rPh>
    <rPh sb="4" eb="7">
      <t>キンダイテキ</t>
    </rPh>
    <rPh sb="7" eb="9">
      <t>カンコウ</t>
    </rPh>
    <rPh sb="9" eb="11">
      <t>トシ</t>
    </rPh>
    <rPh sb="13" eb="15">
      <t>シャシン</t>
    </rPh>
    <phoneticPr fontId="2"/>
  </si>
  <si>
    <t>市内版　和歌川のり汚水問題　応急対策として樋門を新設</t>
    <rPh sb="0" eb="2">
      <t>シナイ</t>
    </rPh>
    <rPh sb="2" eb="3">
      <t>バン</t>
    </rPh>
    <rPh sb="4" eb="7">
      <t>ワカガワ</t>
    </rPh>
    <rPh sb="9" eb="11">
      <t>オスイ</t>
    </rPh>
    <rPh sb="11" eb="13">
      <t>モンダイ</t>
    </rPh>
    <rPh sb="14" eb="16">
      <t>オウキュウ</t>
    </rPh>
    <rPh sb="16" eb="18">
      <t>タイサク</t>
    </rPh>
    <rPh sb="21" eb="23">
      <t>ヒモン</t>
    </rPh>
    <rPh sb="24" eb="26">
      <t>シンセツ</t>
    </rPh>
    <phoneticPr fontId="2"/>
  </si>
  <si>
    <t>市内版　なぜ遅れた城北橋の工事（写真　完成した県境付近の二十六号線）</t>
    <rPh sb="0" eb="2">
      <t>シナイ</t>
    </rPh>
    <rPh sb="2" eb="3">
      <t>バン</t>
    </rPh>
    <rPh sb="6" eb="7">
      <t>オク</t>
    </rPh>
    <rPh sb="9" eb="12">
      <t>ジョウホクバシ</t>
    </rPh>
    <rPh sb="13" eb="15">
      <t>コウジ</t>
    </rPh>
    <rPh sb="16" eb="18">
      <t>シャシン</t>
    </rPh>
    <rPh sb="19" eb="21">
      <t>カンセイ</t>
    </rPh>
    <rPh sb="23" eb="25">
      <t>ケンザカイ</t>
    </rPh>
    <rPh sb="25" eb="27">
      <t>フキン</t>
    </rPh>
    <rPh sb="28" eb="31">
      <t>26</t>
    </rPh>
    <rPh sb="31" eb="33">
      <t>ゴウセン</t>
    </rPh>
    <phoneticPr fontId="2"/>
  </si>
  <si>
    <t>市内版　写真　児童相談所で“春ふたたび”を上演する婦人児童課長</t>
    <rPh sb="0" eb="2">
      <t>シナイ</t>
    </rPh>
    <rPh sb="2" eb="3">
      <t>バン</t>
    </rPh>
    <rPh sb="4" eb="6">
      <t>シャシン</t>
    </rPh>
    <rPh sb="7" eb="9">
      <t>ジドウ</t>
    </rPh>
    <rPh sb="9" eb="12">
      <t>ソウダンジョ</t>
    </rPh>
    <rPh sb="14" eb="15">
      <t>ハル</t>
    </rPh>
    <rPh sb="21" eb="23">
      <t>ジョウエン</t>
    </rPh>
    <rPh sb="25" eb="27">
      <t>フジン</t>
    </rPh>
    <rPh sb="27" eb="29">
      <t>ジドウ</t>
    </rPh>
    <rPh sb="29" eb="31">
      <t>カチョウ</t>
    </rPh>
    <phoneticPr fontId="2"/>
  </si>
  <si>
    <t>市内版　無駄を省いて貯蓄する　砂山の主婦たち</t>
    <rPh sb="0" eb="2">
      <t>シナイ</t>
    </rPh>
    <rPh sb="2" eb="3">
      <t>バン</t>
    </rPh>
    <rPh sb="4" eb="6">
      <t>ムダ</t>
    </rPh>
    <rPh sb="7" eb="8">
      <t>ハブ</t>
    </rPh>
    <rPh sb="10" eb="12">
      <t>チョチク</t>
    </rPh>
    <rPh sb="15" eb="17">
      <t>スナヤマ</t>
    </rPh>
    <rPh sb="18" eb="20">
      <t>シュフ</t>
    </rPh>
    <phoneticPr fontId="2"/>
  </si>
  <si>
    <t>市内版　月刊わか山　新年号　１月１日発行</t>
    <rPh sb="0" eb="2">
      <t>シナイ</t>
    </rPh>
    <rPh sb="2" eb="3">
      <t>バン</t>
    </rPh>
    <rPh sb="4" eb="6">
      <t>ゲッカン</t>
    </rPh>
    <rPh sb="8" eb="9">
      <t>ヤマ</t>
    </rPh>
    <rPh sb="10" eb="13">
      <t>シンネンゴウ</t>
    </rPh>
    <rPh sb="15" eb="16">
      <t>ガツ</t>
    </rPh>
    <rPh sb="17" eb="18">
      <t>ヒ</t>
    </rPh>
    <rPh sb="18" eb="20">
      <t>ハッコウ</t>
    </rPh>
    <phoneticPr fontId="2"/>
  </si>
  <si>
    <t>市内版　山火事をなくしましょう！</t>
    <rPh sb="0" eb="2">
      <t>シナイ</t>
    </rPh>
    <rPh sb="2" eb="3">
      <t>バン</t>
    </rPh>
    <rPh sb="4" eb="7">
      <t>ヤマカジ</t>
    </rPh>
    <phoneticPr fontId="2"/>
  </si>
  <si>
    <t>海草・海南版　沈下対策本決まり　河北河南　地盤変動地区に福音</t>
    <rPh sb="0" eb="2">
      <t>カイソウ</t>
    </rPh>
    <rPh sb="3" eb="5">
      <t>カイナン</t>
    </rPh>
    <rPh sb="5" eb="6">
      <t>バン</t>
    </rPh>
    <rPh sb="7" eb="9">
      <t>チンカ</t>
    </rPh>
    <rPh sb="9" eb="11">
      <t>タイサク</t>
    </rPh>
    <rPh sb="11" eb="13">
      <t>ホンギ</t>
    </rPh>
    <rPh sb="16" eb="18">
      <t>カホク</t>
    </rPh>
    <rPh sb="18" eb="20">
      <t>カナン</t>
    </rPh>
    <rPh sb="21" eb="23">
      <t>ジバン</t>
    </rPh>
    <rPh sb="23" eb="25">
      <t>ヘンドウ</t>
    </rPh>
    <rPh sb="25" eb="27">
      <t>チク</t>
    </rPh>
    <rPh sb="28" eb="30">
      <t>フクイン</t>
    </rPh>
    <phoneticPr fontId="2"/>
  </si>
  <si>
    <t>海草・海南版　本版新設に寄せて　海草地方事務所長　前島要馬</t>
    <rPh sb="0" eb="2">
      <t>カイソウ</t>
    </rPh>
    <rPh sb="3" eb="5">
      <t>カイナン</t>
    </rPh>
    <rPh sb="5" eb="6">
      <t>バン</t>
    </rPh>
    <rPh sb="7" eb="9">
      <t>ホンハン</t>
    </rPh>
    <rPh sb="9" eb="11">
      <t>シンセツ</t>
    </rPh>
    <rPh sb="12" eb="13">
      <t>ヨ</t>
    </rPh>
    <rPh sb="16" eb="18">
      <t>カイソウ</t>
    </rPh>
    <rPh sb="18" eb="20">
      <t>チホウ</t>
    </rPh>
    <rPh sb="20" eb="22">
      <t>ジム</t>
    </rPh>
    <rPh sb="22" eb="24">
      <t>ショチョウ</t>
    </rPh>
    <rPh sb="25" eb="27">
      <t>マエシマ</t>
    </rPh>
    <rPh sb="27" eb="28">
      <t>カナメ</t>
    </rPh>
    <rPh sb="28" eb="29">
      <t>ウマ</t>
    </rPh>
    <phoneticPr fontId="2"/>
  </si>
  <si>
    <t>海草・海南版　新生活運動推進　企画部中心で　五部門設置</t>
    <rPh sb="0" eb="2">
      <t>カイソウ</t>
    </rPh>
    <rPh sb="3" eb="5">
      <t>カイナン</t>
    </rPh>
    <rPh sb="5" eb="6">
      <t>バン</t>
    </rPh>
    <rPh sb="7" eb="10">
      <t>シンセイカツ</t>
    </rPh>
    <rPh sb="10" eb="12">
      <t>ウンドウ</t>
    </rPh>
    <rPh sb="12" eb="14">
      <t>スイシン</t>
    </rPh>
    <rPh sb="15" eb="18">
      <t>キカクブ</t>
    </rPh>
    <rPh sb="18" eb="20">
      <t>チュウシン</t>
    </rPh>
    <rPh sb="22" eb="23">
      <t>5</t>
    </rPh>
    <rPh sb="23" eb="25">
      <t>ブモン</t>
    </rPh>
    <rPh sb="25" eb="27">
      <t>セッチ</t>
    </rPh>
    <phoneticPr fontId="2"/>
  </si>
  <si>
    <t>海草・海南版　養蚕に力こぶ　農村デフレを乗切るため</t>
    <rPh sb="0" eb="2">
      <t>カイソウ</t>
    </rPh>
    <rPh sb="3" eb="5">
      <t>カイナン</t>
    </rPh>
    <rPh sb="5" eb="6">
      <t>バン</t>
    </rPh>
    <rPh sb="7" eb="9">
      <t>ヨウサン</t>
    </rPh>
    <rPh sb="10" eb="11">
      <t>チカラ</t>
    </rPh>
    <rPh sb="14" eb="16">
      <t>ノウソン</t>
    </rPh>
    <rPh sb="20" eb="21">
      <t>ノ</t>
    </rPh>
    <rPh sb="21" eb="22">
      <t>キ</t>
    </rPh>
    <phoneticPr fontId="2"/>
  </si>
  <si>
    <t>海草・海南版　管内施設訪問記（その一）　養老院　橘寮を訪ねて（写真）</t>
    <rPh sb="0" eb="2">
      <t>カイソウ</t>
    </rPh>
    <rPh sb="3" eb="5">
      <t>カイナン</t>
    </rPh>
    <rPh sb="5" eb="6">
      <t>バン</t>
    </rPh>
    <rPh sb="7" eb="9">
      <t>カンナイ</t>
    </rPh>
    <rPh sb="9" eb="11">
      <t>シセツ</t>
    </rPh>
    <rPh sb="11" eb="14">
      <t>ホウモンキ</t>
    </rPh>
    <rPh sb="17" eb="18">
      <t>1</t>
    </rPh>
    <rPh sb="20" eb="22">
      <t>ヨウロウ</t>
    </rPh>
    <rPh sb="22" eb="23">
      <t>イン</t>
    </rPh>
    <rPh sb="24" eb="25">
      <t>タチバナ</t>
    </rPh>
    <rPh sb="25" eb="26">
      <t>リョウ</t>
    </rPh>
    <rPh sb="27" eb="28">
      <t>タズ</t>
    </rPh>
    <rPh sb="31" eb="33">
      <t>シャシン</t>
    </rPh>
    <phoneticPr fontId="2"/>
  </si>
  <si>
    <t>海草・海南版　県下で初めて　耕運機競技大会</t>
    <rPh sb="0" eb="2">
      <t>カイソウ</t>
    </rPh>
    <rPh sb="3" eb="5">
      <t>カイナン</t>
    </rPh>
    <rPh sb="5" eb="6">
      <t>バン</t>
    </rPh>
    <rPh sb="7" eb="9">
      <t>ケンカ</t>
    </rPh>
    <rPh sb="10" eb="11">
      <t>ハジ</t>
    </rPh>
    <rPh sb="14" eb="17">
      <t>コウウンキ</t>
    </rPh>
    <rPh sb="17" eb="19">
      <t>キョウギ</t>
    </rPh>
    <rPh sb="19" eb="21">
      <t>タイカイ</t>
    </rPh>
    <phoneticPr fontId="2"/>
  </si>
  <si>
    <t>海草・海南版　町村合併は住民の熱意で</t>
    <rPh sb="0" eb="2">
      <t>カイソウ</t>
    </rPh>
    <rPh sb="3" eb="5">
      <t>カイナン</t>
    </rPh>
    <rPh sb="5" eb="6">
      <t>バン</t>
    </rPh>
    <rPh sb="7" eb="9">
      <t>チョウソン</t>
    </rPh>
    <rPh sb="9" eb="11">
      <t>ガッペイ</t>
    </rPh>
    <rPh sb="12" eb="14">
      <t>ジュウミン</t>
    </rPh>
    <rPh sb="15" eb="17">
      <t>ネツイ</t>
    </rPh>
    <phoneticPr fontId="2"/>
  </si>
  <si>
    <t>海草・海南版　署名運動に御協力を！</t>
    <rPh sb="0" eb="2">
      <t>カイソウ</t>
    </rPh>
    <rPh sb="3" eb="5">
      <t>カイナン</t>
    </rPh>
    <rPh sb="5" eb="6">
      <t>バン</t>
    </rPh>
    <rPh sb="7" eb="9">
      <t>ショメイ</t>
    </rPh>
    <rPh sb="9" eb="11">
      <t>ウンドウ</t>
    </rPh>
    <rPh sb="12" eb="15">
      <t>ゴキョウリョク</t>
    </rPh>
    <phoneticPr fontId="2"/>
  </si>
  <si>
    <t>海草・海南版　月刊わか山　新年号　１月１日発行</t>
    <rPh sb="0" eb="2">
      <t>カイソウ</t>
    </rPh>
    <rPh sb="3" eb="5">
      <t>カイナン</t>
    </rPh>
    <rPh sb="5" eb="6">
      <t>バン</t>
    </rPh>
    <phoneticPr fontId="2"/>
  </si>
  <si>
    <t>海草・海南版　山火事をなくしましょう！</t>
    <rPh sb="0" eb="2">
      <t>カイソウ</t>
    </rPh>
    <rPh sb="3" eb="5">
      <t>カイナン</t>
    </rPh>
    <rPh sb="5" eb="6">
      <t>バン</t>
    </rPh>
    <rPh sb="7" eb="10">
      <t>ヤマカジ</t>
    </rPh>
    <phoneticPr fontId="2"/>
  </si>
  <si>
    <t>那賀版　躍進する『新興那賀』　“貴志川の村づくり”　山田ダムも三月末に完成</t>
    <rPh sb="0" eb="2">
      <t>ナガ</t>
    </rPh>
    <rPh sb="2" eb="3">
      <t>バン</t>
    </rPh>
    <rPh sb="4" eb="6">
      <t>ヤクシン</t>
    </rPh>
    <rPh sb="9" eb="11">
      <t>シンコウ</t>
    </rPh>
    <rPh sb="11" eb="13">
      <t>ナガ</t>
    </rPh>
    <rPh sb="16" eb="19">
      <t>キシガワ</t>
    </rPh>
    <rPh sb="20" eb="21">
      <t>ムラ</t>
    </rPh>
    <rPh sb="26" eb="28">
      <t>ヤマダ</t>
    </rPh>
    <rPh sb="31" eb="32">
      <t>3</t>
    </rPh>
    <rPh sb="32" eb="33">
      <t>ガツ</t>
    </rPh>
    <rPh sb="33" eb="34">
      <t>マツ</t>
    </rPh>
    <rPh sb="35" eb="37">
      <t>カンセイ</t>
    </rPh>
    <phoneticPr fontId="2"/>
  </si>
  <si>
    <t>那賀版　躍進する『新興那賀』　旱害解消へ　統合井堰工事すすむ</t>
    <rPh sb="0" eb="2">
      <t>ナガ</t>
    </rPh>
    <rPh sb="2" eb="3">
      <t>バン</t>
    </rPh>
    <rPh sb="4" eb="6">
      <t>ヤクシン</t>
    </rPh>
    <rPh sb="9" eb="11">
      <t>シンコウ</t>
    </rPh>
    <rPh sb="11" eb="13">
      <t>ナガ</t>
    </rPh>
    <rPh sb="15" eb="16">
      <t>ヒデリ</t>
    </rPh>
    <rPh sb="16" eb="17">
      <t>ガイ</t>
    </rPh>
    <rPh sb="17" eb="19">
      <t>カイショウ</t>
    </rPh>
    <rPh sb="21" eb="23">
      <t>トウゴウ</t>
    </rPh>
    <rPh sb="23" eb="25">
      <t>イセキ</t>
    </rPh>
    <rPh sb="25" eb="27">
      <t>コウジ</t>
    </rPh>
    <phoneticPr fontId="2"/>
  </si>
  <si>
    <t>那賀版　躍進する『新興那賀』　岩出橋近く竣工　県道粉河紀伊線改修も（写真　竣工近い“西の門戸”岩出橋）</t>
    <rPh sb="0" eb="2">
      <t>ナガ</t>
    </rPh>
    <rPh sb="2" eb="3">
      <t>バン</t>
    </rPh>
    <rPh sb="4" eb="6">
      <t>ヤクシン</t>
    </rPh>
    <rPh sb="9" eb="11">
      <t>シンコウ</t>
    </rPh>
    <rPh sb="11" eb="13">
      <t>ナガ</t>
    </rPh>
    <rPh sb="15" eb="18">
      <t>イワデバシ</t>
    </rPh>
    <rPh sb="18" eb="19">
      <t>チカ</t>
    </rPh>
    <rPh sb="20" eb="22">
      <t>シュンコウ</t>
    </rPh>
    <rPh sb="23" eb="25">
      <t>ケンドウ</t>
    </rPh>
    <rPh sb="25" eb="27">
      <t>コカワ</t>
    </rPh>
    <rPh sb="27" eb="29">
      <t>キイ</t>
    </rPh>
    <rPh sb="29" eb="30">
      <t>セン</t>
    </rPh>
    <rPh sb="30" eb="32">
      <t>カイシュウ</t>
    </rPh>
    <rPh sb="34" eb="36">
      <t>シャシン</t>
    </rPh>
    <rPh sb="37" eb="39">
      <t>シュンコウ</t>
    </rPh>
    <rPh sb="39" eb="40">
      <t>チカ</t>
    </rPh>
    <rPh sb="42" eb="43">
      <t>ニシ</t>
    </rPh>
    <rPh sb="44" eb="46">
      <t>モンコ</t>
    </rPh>
    <rPh sb="47" eb="50">
      <t>イワデバシ</t>
    </rPh>
    <phoneticPr fontId="2"/>
  </si>
  <si>
    <t>那賀版　躍進する『新興那賀』　町村合併も軌道に</t>
    <rPh sb="0" eb="2">
      <t>ナガ</t>
    </rPh>
    <rPh sb="2" eb="3">
      <t>バン</t>
    </rPh>
    <rPh sb="4" eb="6">
      <t>ヤクシン</t>
    </rPh>
    <rPh sb="9" eb="11">
      <t>シンコウ</t>
    </rPh>
    <rPh sb="11" eb="13">
      <t>ナガ</t>
    </rPh>
    <rPh sb="15" eb="17">
      <t>チョウソン</t>
    </rPh>
    <rPh sb="17" eb="19">
      <t>ガッペイ</t>
    </rPh>
    <rPh sb="20" eb="22">
      <t>キドウ</t>
    </rPh>
    <phoneticPr fontId="2"/>
  </si>
  <si>
    <t>那賀版　那賀版新設に寄せて　那賀地方事務所長　下林弘</t>
    <rPh sb="0" eb="2">
      <t>ナガ</t>
    </rPh>
    <rPh sb="2" eb="3">
      <t>バン</t>
    </rPh>
    <rPh sb="4" eb="6">
      <t>ナガ</t>
    </rPh>
    <rPh sb="6" eb="7">
      <t>バン</t>
    </rPh>
    <rPh sb="7" eb="9">
      <t>シンセツ</t>
    </rPh>
    <rPh sb="10" eb="11">
      <t>ヨ</t>
    </rPh>
    <rPh sb="14" eb="16">
      <t>ナガ</t>
    </rPh>
    <rPh sb="16" eb="18">
      <t>チホウ</t>
    </rPh>
    <rPh sb="18" eb="20">
      <t>ジム</t>
    </rPh>
    <rPh sb="20" eb="22">
      <t>ショチョウ</t>
    </rPh>
    <rPh sb="23" eb="25">
      <t>シモバヤシ</t>
    </rPh>
    <rPh sb="25" eb="26">
      <t>ヒロシ</t>
    </rPh>
    <phoneticPr fontId="2"/>
  </si>
  <si>
    <t>那賀版　盛りあがる新生活運動　</t>
    <rPh sb="0" eb="2">
      <t>ナガ</t>
    </rPh>
    <rPh sb="2" eb="3">
      <t>バン</t>
    </rPh>
    <rPh sb="4" eb="5">
      <t>モ</t>
    </rPh>
    <rPh sb="9" eb="12">
      <t>シンセイカツ</t>
    </rPh>
    <rPh sb="12" eb="14">
      <t>ウンドウ</t>
    </rPh>
    <phoneticPr fontId="2"/>
  </si>
  <si>
    <t>那賀版　郡民の声</t>
    <rPh sb="0" eb="2">
      <t>ナガ</t>
    </rPh>
    <rPh sb="2" eb="3">
      <t>バン</t>
    </rPh>
    <rPh sb="4" eb="6">
      <t>グンミン</t>
    </rPh>
    <rPh sb="7" eb="8">
      <t>コエ</t>
    </rPh>
    <phoneticPr fontId="2"/>
  </si>
  <si>
    <t>那賀版　災害復旧の蔭に咲く花</t>
    <rPh sb="0" eb="2">
      <t>ナガ</t>
    </rPh>
    <rPh sb="2" eb="3">
      <t>バン</t>
    </rPh>
    <rPh sb="4" eb="6">
      <t>サイガイ</t>
    </rPh>
    <rPh sb="6" eb="8">
      <t>フッキュウ</t>
    </rPh>
    <rPh sb="9" eb="10">
      <t>カゲ</t>
    </rPh>
    <rPh sb="11" eb="12">
      <t>サ</t>
    </rPh>
    <rPh sb="13" eb="14">
      <t>ハナ</t>
    </rPh>
    <phoneticPr fontId="2"/>
  </si>
  <si>
    <t>那賀版　温かい越年風景（写真　白水園（粉河町）で餅代を手渡す小野知事）</t>
    <rPh sb="0" eb="2">
      <t>ナガ</t>
    </rPh>
    <rPh sb="2" eb="3">
      <t>バン</t>
    </rPh>
    <rPh sb="4" eb="5">
      <t>アタタ</t>
    </rPh>
    <rPh sb="7" eb="9">
      <t>エツネン</t>
    </rPh>
    <rPh sb="9" eb="11">
      <t>フウケイ</t>
    </rPh>
    <rPh sb="12" eb="14">
      <t>シャシン</t>
    </rPh>
    <rPh sb="15" eb="17">
      <t>シロミズ</t>
    </rPh>
    <rPh sb="17" eb="18">
      <t>エン</t>
    </rPh>
    <rPh sb="19" eb="22">
      <t>コカワチョウ</t>
    </rPh>
    <rPh sb="24" eb="25">
      <t>モチ</t>
    </rPh>
    <rPh sb="25" eb="26">
      <t>ダイ</t>
    </rPh>
    <rPh sb="27" eb="29">
      <t>テワタ</t>
    </rPh>
    <rPh sb="30" eb="32">
      <t>オノ</t>
    </rPh>
    <rPh sb="32" eb="34">
      <t>チジ</t>
    </rPh>
    <phoneticPr fontId="2"/>
  </si>
  <si>
    <t>那賀版　署名運動に御協力を！</t>
    <rPh sb="0" eb="2">
      <t>ナガ</t>
    </rPh>
    <rPh sb="2" eb="3">
      <t>バン</t>
    </rPh>
    <rPh sb="4" eb="6">
      <t>ショメイ</t>
    </rPh>
    <rPh sb="6" eb="8">
      <t>ウンドウ</t>
    </rPh>
    <rPh sb="9" eb="12">
      <t>ゴキョウリョク</t>
    </rPh>
    <phoneticPr fontId="2"/>
  </si>
  <si>
    <t>那賀版　月刊わか山　新年号　１月１日発行</t>
    <rPh sb="0" eb="2">
      <t>ナガ</t>
    </rPh>
    <rPh sb="2" eb="3">
      <t>バン</t>
    </rPh>
    <rPh sb="4" eb="6">
      <t>ゲッカン</t>
    </rPh>
    <rPh sb="8" eb="9">
      <t>ヤマ</t>
    </rPh>
    <rPh sb="10" eb="13">
      <t>シンネンゴウ</t>
    </rPh>
    <rPh sb="15" eb="16">
      <t>ガツ</t>
    </rPh>
    <rPh sb="17" eb="18">
      <t>ヒ</t>
    </rPh>
    <rPh sb="18" eb="20">
      <t>ハッコウ</t>
    </rPh>
    <phoneticPr fontId="2"/>
  </si>
  <si>
    <t>那賀版　山火事をなくしましょう！</t>
    <rPh sb="0" eb="2">
      <t>ナガ</t>
    </rPh>
    <rPh sb="2" eb="3">
      <t>バン</t>
    </rPh>
    <rPh sb="4" eb="7">
      <t>ヤマカジ</t>
    </rPh>
    <phoneticPr fontId="2"/>
  </si>
  <si>
    <t>伊都・橋本版　『橋本市』元日に誕生（写真　誕生した橋本市）</t>
    <rPh sb="0" eb="2">
      <t>イト</t>
    </rPh>
    <rPh sb="3" eb="5">
      <t>ハシモト</t>
    </rPh>
    <rPh sb="5" eb="6">
      <t>バン</t>
    </rPh>
    <rPh sb="8" eb="11">
      <t>ハシモトシ</t>
    </rPh>
    <rPh sb="12" eb="14">
      <t>ガンジツ</t>
    </rPh>
    <rPh sb="15" eb="17">
      <t>タンジョウ</t>
    </rPh>
    <rPh sb="18" eb="20">
      <t>シャシン</t>
    </rPh>
    <rPh sb="21" eb="23">
      <t>タンジョウ</t>
    </rPh>
    <rPh sb="25" eb="28">
      <t>ハシモトシ</t>
    </rPh>
    <phoneticPr fontId="2"/>
  </si>
  <si>
    <t>伊都・橋本版　精進への決意　伊都地方事務所長　谷沢義弘</t>
    <rPh sb="0" eb="2">
      <t>イト</t>
    </rPh>
    <rPh sb="3" eb="5">
      <t>ハシモト</t>
    </rPh>
    <rPh sb="5" eb="6">
      <t>バン</t>
    </rPh>
    <rPh sb="7" eb="9">
      <t>ショウジン</t>
    </rPh>
    <rPh sb="11" eb="13">
      <t>ケツイ</t>
    </rPh>
    <rPh sb="14" eb="16">
      <t>イト</t>
    </rPh>
    <rPh sb="16" eb="18">
      <t>チホウ</t>
    </rPh>
    <rPh sb="18" eb="20">
      <t>ジム</t>
    </rPh>
    <rPh sb="20" eb="22">
      <t>ショチョウ</t>
    </rPh>
    <rPh sb="23" eb="25">
      <t>タニザワ</t>
    </rPh>
    <rPh sb="25" eb="27">
      <t>ヨシヒロ</t>
    </rPh>
    <phoneticPr fontId="2"/>
  </si>
  <si>
    <t>伊都・橋本版　２９年産米供出　あと一息です</t>
    <rPh sb="0" eb="2">
      <t>イト</t>
    </rPh>
    <rPh sb="3" eb="5">
      <t>ハシモト</t>
    </rPh>
    <rPh sb="5" eb="6">
      <t>バン</t>
    </rPh>
    <rPh sb="9" eb="10">
      <t>ネン</t>
    </rPh>
    <rPh sb="10" eb="12">
      <t>サンマイ</t>
    </rPh>
    <rPh sb="12" eb="14">
      <t>キョウシュツ</t>
    </rPh>
    <rPh sb="17" eb="19">
      <t>ヒトイキ</t>
    </rPh>
    <phoneticPr fontId="2"/>
  </si>
  <si>
    <t>伊都・橋本版　保安林の指定計画</t>
    <rPh sb="0" eb="2">
      <t>イト</t>
    </rPh>
    <rPh sb="3" eb="5">
      <t>ハシモト</t>
    </rPh>
    <rPh sb="5" eb="6">
      <t>バン</t>
    </rPh>
    <rPh sb="7" eb="10">
      <t>ホアンリン</t>
    </rPh>
    <rPh sb="11" eb="13">
      <t>シテイ</t>
    </rPh>
    <rPh sb="13" eb="15">
      <t>ケイカク</t>
    </rPh>
    <phoneticPr fontId="2"/>
  </si>
  <si>
    <t>伊都・橋本版　楽しく納税できる　納税貯蓄組合　本郡で八ヵ所設立</t>
    <rPh sb="0" eb="2">
      <t>イト</t>
    </rPh>
    <rPh sb="3" eb="5">
      <t>ハシモト</t>
    </rPh>
    <rPh sb="5" eb="6">
      <t>バン</t>
    </rPh>
    <rPh sb="7" eb="8">
      <t>タノ</t>
    </rPh>
    <rPh sb="10" eb="12">
      <t>ノウゼイ</t>
    </rPh>
    <rPh sb="16" eb="18">
      <t>ノウゼイ</t>
    </rPh>
    <rPh sb="18" eb="20">
      <t>チョチク</t>
    </rPh>
    <rPh sb="20" eb="22">
      <t>クミアイ</t>
    </rPh>
    <rPh sb="23" eb="24">
      <t>ホン</t>
    </rPh>
    <rPh sb="24" eb="25">
      <t>グン</t>
    </rPh>
    <rPh sb="26" eb="29">
      <t>ハチカショ</t>
    </rPh>
    <rPh sb="29" eb="31">
      <t>セツリツ</t>
    </rPh>
    <phoneticPr fontId="2"/>
  </si>
  <si>
    <t>伊都・橋本版　お知らせ　畜産共進会</t>
    <rPh sb="0" eb="2">
      <t>イト</t>
    </rPh>
    <rPh sb="3" eb="5">
      <t>ハシモト</t>
    </rPh>
    <rPh sb="5" eb="6">
      <t>バン</t>
    </rPh>
    <rPh sb="8" eb="9">
      <t>シ</t>
    </rPh>
    <rPh sb="12" eb="14">
      <t>チクサン</t>
    </rPh>
    <rPh sb="14" eb="17">
      <t>キョウシンカイ</t>
    </rPh>
    <phoneticPr fontId="2"/>
  </si>
  <si>
    <t>伊都・橋本版　お知らせ　衣食住のデモンストレーション大会</t>
    <rPh sb="0" eb="2">
      <t>イト</t>
    </rPh>
    <rPh sb="3" eb="5">
      <t>ハシモト</t>
    </rPh>
    <rPh sb="5" eb="6">
      <t>バン</t>
    </rPh>
    <rPh sb="8" eb="9">
      <t>シ</t>
    </rPh>
    <rPh sb="12" eb="15">
      <t>イショクジュウ</t>
    </rPh>
    <rPh sb="26" eb="28">
      <t>タイカイ</t>
    </rPh>
    <phoneticPr fontId="2"/>
  </si>
  <si>
    <t>伊都・橋本版　お知らせ　納税貯蓄組合推進協議会</t>
    <rPh sb="0" eb="2">
      <t>イト</t>
    </rPh>
    <rPh sb="3" eb="5">
      <t>ハシモト</t>
    </rPh>
    <rPh sb="5" eb="6">
      <t>バン</t>
    </rPh>
    <rPh sb="8" eb="9">
      <t>シ</t>
    </rPh>
    <rPh sb="12" eb="14">
      <t>ノウゼイ</t>
    </rPh>
    <rPh sb="14" eb="16">
      <t>チョチク</t>
    </rPh>
    <rPh sb="16" eb="18">
      <t>クミアイ</t>
    </rPh>
    <rPh sb="18" eb="20">
      <t>スイシン</t>
    </rPh>
    <rPh sb="20" eb="23">
      <t>キョウギカイ</t>
    </rPh>
    <phoneticPr fontId="2"/>
  </si>
  <si>
    <t>伊都・橋本版　署名運動に御協力を！</t>
    <rPh sb="0" eb="2">
      <t>イト</t>
    </rPh>
    <rPh sb="3" eb="5">
      <t>ハシモト</t>
    </rPh>
    <rPh sb="5" eb="6">
      <t>バン</t>
    </rPh>
    <phoneticPr fontId="2"/>
  </si>
  <si>
    <t>伊都・橋本版　月刊わか山　新年号　１月１日発行</t>
    <rPh sb="0" eb="2">
      <t>イト</t>
    </rPh>
    <rPh sb="3" eb="5">
      <t>ハシモト</t>
    </rPh>
    <rPh sb="5" eb="6">
      <t>バン</t>
    </rPh>
    <phoneticPr fontId="2"/>
  </si>
  <si>
    <t>伊都・橋本版　山火事をなくしましょう！</t>
    <rPh sb="0" eb="2">
      <t>イト</t>
    </rPh>
    <rPh sb="3" eb="5">
      <t>ハシモト</t>
    </rPh>
    <rPh sb="5" eb="6">
      <t>バン</t>
    </rPh>
    <phoneticPr fontId="2"/>
  </si>
  <si>
    <t>有田版　新生活運動いよいよ活発化　協力の家に門標</t>
    <rPh sb="0" eb="2">
      <t>アリダ</t>
    </rPh>
    <rPh sb="2" eb="3">
      <t>バン</t>
    </rPh>
    <rPh sb="4" eb="7">
      <t>シンセイカツ</t>
    </rPh>
    <rPh sb="7" eb="9">
      <t>ウンドウ</t>
    </rPh>
    <rPh sb="13" eb="16">
      <t>カッパツカ</t>
    </rPh>
    <rPh sb="17" eb="19">
      <t>キョウリョク</t>
    </rPh>
    <rPh sb="20" eb="21">
      <t>イエ</t>
    </rPh>
    <rPh sb="22" eb="24">
      <t>モンピョウ</t>
    </rPh>
    <phoneticPr fontId="2"/>
  </si>
  <si>
    <t>有田版　有田版新設に当って　有田地方事務所長　坂上義和</t>
    <rPh sb="0" eb="2">
      <t>アリダ</t>
    </rPh>
    <rPh sb="2" eb="3">
      <t>バン</t>
    </rPh>
    <rPh sb="4" eb="6">
      <t>アリダ</t>
    </rPh>
    <rPh sb="6" eb="7">
      <t>バン</t>
    </rPh>
    <rPh sb="7" eb="9">
      <t>シンセツ</t>
    </rPh>
    <rPh sb="10" eb="11">
      <t>アタ</t>
    </rPh>
    <rPh sb="14" eb="16">
      <t>アリダ</t>
    </rPh>
    <rPh sb="16" eb="18">
      <t>チホウ</t>
    </rPh>
    <rPh sb="18" eb="20">
      <t>ジム</t>
    </rPh>
    <rPh sb="20" eb="22">
      <t>ショチョウ</t>
    </rPh>
    <rPh sb="23" eb="25">
      <t>サカウエ</t>
    </rPh>
    <rPh sb="25" eb="27">
      <t>ヨシカズ</t>
    </rPh>
    <phoneticPr fontId="2"/>
  </si>
  <si>
    <t>有田版　地方事務所　農地事務所に実践会生る</t>
    <rPh sb="0" eb="2">
      <t>アリダ</t>
    </rPh>
    <rPh sb="2" eb="3">
      <t>バン</t>
    </rPh>
    <rPh sb="4" eb="6">
      <t>チホウ</t>
    </rPh>
    <rPh sb="6" eb="9">
      <t>ジムショ</t>
    </rPh>
    <rPh sb="10" eb="12">
      <t>ノウチ</t>
    </rPh>
    <rPh sb="12" eb="15">
      <t>ジムショ</t>
    </rPh>
    <rPh sb="16" eb="18">
      <t>ジッセン</t>
    </rPh>
    <rPh sb="18" eb="19">
      <t>カイ</t>
    </rPh>
    <rPh sb="19" eb="20">
      <t>ウマ</t>
    </rPh>
    <phoneticPr fontId="2"/>
  </si>
  <si>
    <t>有田版　各役所一月中の主な行事</t>
    <rPh sb="0" eb="2">
      <t>アリダ</t>
    </rPh>
    <rPh sb="2" eb="3">
      <t>バン</t>
    </rPh>
    <rPh sb="4" eb="5">
      <t>カク</t>
    </rPh>
    <rPh sb="5" eb="7">
      <t>ヤクショ</t>
    </rPh>
    <rPh sb="7" eb="8">
      <t>1</t>
    </rPh>
    <rPh sb="8" eb="10">
      <t>ガツチュウ</t>
    </rPh>
    <rPh sb="11" eb="12">
      <t>オモ</t>
    </rPh>
    <rPh sb="13" eb="15">
      <t>ギョウジ</t>
    </rPh>
    <phoneticPr fontId="2"/>
  </si>
  <si>
    <t>有田版　愛の運動を展開　助け合い実践部　委員長　成川善太郎</t>
    <rPh sb="0" eb="2">
      <t>アリダ</t>
    </rPh>
    <rPh sb="2" eb="3">
      <t>バン</t>
    </rPh>
    <rPh sb="4" eb="5">
      <t>アイ</t>
    </rPh>
    <rPh sb="6" eb="8">
      <t>ウンドウ</t>
    </rPh>
    <rPh sb="9" eb="11">
      <t>テンカイ</t>
    </rPh>
    <rPh sb="12" eb="13">
      <t>タス</t>
    </rPh>
    <rPh sb="14" eb="15">
      <t>ア</t>
    </rPh>
    <rPh sb="16" eb="18">
      <t>ジッセン</t>
    </rPh>
    <rPh sb="18" eb="19">
      <t>ブ</t>
    </rPh>
    <rPh sb="20" eb="23">
      <t>イインチョウ</t>
    </rPh>
    <rPh sb="24" eb="26">
      <t>ナリカワ</t>
    </rPh>
    <rPh sb="26" eb="29">
      <t>ゼンタロウ</t>
    </rPh>
    <phoneticPr fontId="2"/>
  </si>
  <si>
    <t>有田版　合理的な年間計画　厳寒期に向う柑橘樹の手入れ</t>
    <rPh sb="0" eb="2">
      <t>アリダ</t>
    </rPh>
    <rPh sb="2" eb="3">
      <t>バン</t>
    </rPh>
    <rPh sb="4" eb="7">
      <t>ゴウリテキ</t>
    </rPh>
    <rPh sb="8" eb="10">
      <t>ネンカン</t>
    </rPh>
    <rPh sb="10" eb="12">
      <t>ケイカク</t>
    </rPh>
    <rPh sb="13" eb="16">
      <t>ゲンカンキ</t>
    </rPh>
    <rPh sb="17" eb="18">
      <t>ムカ</t>
    </rPh>
    <rPh sb="19" eb="21">
      <t>カンキツ</t>
    </rPh>
    <rPh sb="21" eb="22">
      <t>ジュ</t>
    </rPh>
    <rPh sb="23" eb="25">
      <t>テイ</t>
    </rPh>
    <phoneticPr fontId="2"/>
  </si>
  <si>
    <t>有田版　作ろう強い共選体制　再び有田みかんの名を（積荷される輸出みかん）</t>
    <rPh sb="0" eb="2">
      <t>アリダ</t>
    </rPh>
    <rPh sb="2" eb="3">
      <t>バン</t>
    </rPh>
    <rPh sb="4" eb="5">
      <t>ツク</t>
    </rPh>
    <rPh sb="7" eb="8">
      <t>ツヨ</t>
    </rPh>
    <rPh sb="9" eb="10">
      <t>キョウ</t>
    </rPh>
    <rPh sb="11" eb="13">
      <t>タイセイ</t>
    </rPh>
    <rPh sb="14" eb="15">
      <t>フタタ</t>
    </rPh>
    <rPh sb="16" eb="18">
      <t>アリダ</t>
    </rPh>
    <rPh sb="22" eb="23">
      <t>ナ</t>
    </rPh>
    <rPh sb="25" eb="27">
      <t>ツミニ</t>
    </rPh>
    <rPh sb="30" eb="32">
      <t>ユシュツ</t>
    </rPh>
    <phoneticPr fontId="2"/>
  </si>
  <si>
    <t>有田版　署名運動に御協力を！</t>
    <rPh sb="0" eb="2">
      <t>アリダ</t>
    </rPh>
    <rPh sb="2" eb="3">
      <t>バン</t>
    </rPh>
    <phoneticPr fontId="2"/>
  </si>
  <si>
    <t>有田版　月刊わか山　新年号　１月１日発行</t>
    <rPh sb="0" eb="2">
      <t>アリダ</t>
    </rPh>
    <rPh sb="2" eb="3">
      <t>バン</t>
    </rPh>
    <phoneticPr fontId="2"/>
  </si>
  <si>
    <t>有田版　山火事をなくしましょう！</t>
    <rPh sb="0" eb="2">
      <t>アリダ</t>
    </rPh>
    <rPh sb="2" eb="3">
      <t>バン</t>
    </rPh>
    <phoneticPr fontId="2"/>
  </si>
  <si>
    <t>日高・御坊版　着々進む町村合併　新年早々　川辺町　由良町が誕生</t>
    <rPh sb="0" eb="2">
      <t>ヒダカ</t>
    </rPh>
    <rPh sb="3" eb="5">
      <t>ゴボウ</t>
    </rPh>
    <rPh sb="5" eb="6">
      <t>バン</t>
    </rPh>
    <rPh sb="7" eb="9">
      <t>チャクチャク</t>
    </rPh>
    <rPh sb="9" eb="10">
      <t>スス</t>
    </rPh>
    <rPh sb="11" eb="13">
      <t>チョウソン</t>
    </rPh>
    <rPh sb="13" eb="15">
      <t>ガッペイ</t>
    </rPh>
    <rPh sb="16" eb="18">
      <t>シンネン</t>
    </rPh>
    <rPh sb="18" eb="20">
      <t>ソウソウ</t>
    </rPh>
    <rPh sb="21" eb="24">
      <t>カワベチョウ</t>
    </rPh>
    <rPh sb="25" eb="28">
      <t>ユラチョウ</t>
    </rPh>
    <rPh sb="29" eb="31">
      <t>タンジョウ</t>
    </rPh>
    <phoneticPr fontId="2"/>
  </si>
  <si>
    <t>日高・御坊版　すでに七割は完成　明るい農地復旧の見通し</t>
    <rPh sb="0" eb="2">
      <t>ヒダカ</t>
    </rPh>
    <rPh sb="3" eb="5">
      <t>ゴボウ</t>
    </rPh>
    <rPh sb="5" eb="6">
      <t>バン</t>
    </rPh>
    <rPh sb="10" eb="11">
      <t>7</t>
    </rPh>
    <rPh sb="11" eb="12">
      <t>ワリ</t>
    </rPh>
    <rPh sb="13" eb="15">
      <t>カンセイ</t>
    </rPh>
    <rPh sb="16" eb="17">
      <t>アカ</t>
    </rPh>
    <rPh sb="19" eb="21">
      <t>ノウチ</t>
    </rPh>
    <rPh sb="21" eb="23">
      <t>フッキュウ</t>
    </rPh>
    <rPh sb="24" eb="26">
      <t>ミトオ</t>
    </rPh>
    <phoneticPr fontId="2"/>
  </si>
  <si>
    <t>日高・御坊版　林さんに紅綬褒章</t>
    <rPh sb="0" eb="2">
      <t>ヒダカ</t>
    </rPh>
    <rPh sb="3" eb="5">
      <t>ゴボウ</t>
    </rPh>
    <rPh sb="5" eb="6">
      <t>バン</t>
    </rPh>
    <rPh sb="7" eb="8">
      <t>ハヤシ</t>
    </rPh>
    <rPh sb="11" eb="13">
      <t>コウジュ</t>
    </rPh>
    <rPh sb="13" eb="15">
      <t>ホウショウ</t>
    </rPh>
    <phoneticPr fontId="2"/>
  </si>
  <si>
    <t>日高・御坊版　内原中学校で新生活展示会　改善料理や更正衣服など</t>
    <rPh sb="0" eb="2">
      <t>ヒダカ</t>
    </rPh>
    <rPh sb="3" eb="5">
      <t>ゴボウ</t>
    </rPh>
    <rPh sb="5" eb="6">
      <t>バン</t>
    </rPh>
    <rPh sb="7" eb="9">
      <t>ウチハラ</t>
    </rPh>
    <rPh sb="9" eb="12">
      <t>チュウガッコウ</t>
    </rPh>
    <rPh sb="13" eb="16">
      <t>シンセイカツ</t>
    </rPh>
    <rPh sb="16" eb="19">
      <t>テンジカイ</t>
    </rPh>
    <rPh sb="20" eb="22">
      <t>カイゼン</t>
    </rPh>
    <rPh sb="22" eb="24">
      <t>リョウリ</t>
    </rPh>
    <rPh sb="25" eb="27">
      <t>コウセイ</t>
    </rPh>
    <rPh sb="27" eb="29">
      <t>イフク</t>
    </rPh>
    <phoneticPr fontId="2"/>
  </si>
  <si>
    <t>日高・御坊版　地区版新設に当って　日高地方事務所長　迫間唯彦</t>
    <rPh sb="0" eb="2">
      <t>ヒダカ</t>
    </rPh>
    <rPh sb="3" eb="5">
      <t>ゴボウ</t>
    </rPh>
    <rPh sb="5" eb="6">
      <t>バン</t>
    </rPh>
    <rPh sb="7" eb="10">
      <t>チクバン</t>
    </rPh>
    <rPh sb="10" eb="12">
      <t>シンセツ</t>
    </rPh>
    <rPh sb="13" eb="14">
      <t>アタ</t>
    </rPh>
    <rPh sb="17" eb="19">
      <t>ヒダカ</t>
    </rPh>
    <rPh sb="19" eb="21">
      <t>チホウ</t>
    </rPh>
    <rPh sb="21" eb="23">
      <t>ジム</t>
    </rPh>
    <rPh sb="23" eb="25">
      <t>ショチョウ</t>
    </rPh>
    <rPh sb="26" eb="28">
      <t>サコマ</t>
    </rPh>
    <rPh sb="28" eb="30">
      <t>タダヒコ</t>
    </rPh>
    <phoneticPr fontId="2"/>
  </si>
  <si>
    <t>日高・御坊版　取りはずし自由な組立式の天田仮橋（写真　ベイリー式ＫＳＫ組立式構桁を使った天田仮橋）</t>
    <rPh sb="0" eb="2">
      <t>ヒダカ</t>
    </rPh>
    <rPh sb="3" eb="5">
      <t>ゴボウ</t>
    </rPh>
    <rPh sb="5" eb="6">
      <t>バン</t>
    </rPh>
    <rPh sb="7" eb="8">
      <t>ト</t>
    </rPh>
    <rPh sb="12" eb="14">
      <t>ジユウ</t>
    </rPh>
    <rPh sb="15" eb="18">
      <t>クミタテシキ</t>
    </rPh>
    <rPh sb="19" eb="21">
      <t>アマタ</t>
    </rPh>
    <rPh sb="21" eb="22">
      <t>カリ</t>
    </rPh>
    <rPh sb="22" eb="23">
      <t>ハシ</t>
    </rPh>
    <rPh sb="24" eb="26">
      <t>シャシン</t>
    </rPh>
    <rPh sb="31" eb="32">
      <t>シキ</t>
    </rPh>
    <rPh sb="35" eb="38">
      <t>クミタテシキ</t>
    </rPh>
    <rPh sb="38" eb="39">
      <t>コウ</t>
    </rPh>
    <rPh sb="39" eb="40">
      <t>ケタ</t>
    </rPh>
    <rPh sb="41" eb="42">
      <t>ツカ</t>
    </rPh>
    <rPh sb="44" eb="46">
      <t>アマタ</t>
    </rPh>
    <rPh sb="46" eb="47">
      <t>カリ</t>
    </rPh>
    <rPh sb="47" eb="48">
      <t>ハシ</t>
    </rPh>
    <phoneticPr fontId="2"/>
  </si>
  <si>
    <t>日高・御坊版　ふえる改善結婚</t>
    <rPh sb="0" eb="2">
      <t>ヒダカ</t>
    </rPh>
    <rPh sb="3" eb="5">
      <t>ゴボウ</t>
    </rPh>
    <rPh sb="5" eb="6">
      <t>バン</t>
    </rPh>
    <rPh sb="10" eb="12">
      <t>カイゼン</t>
    </rPh>
    <rPh sb="12" eb="14">
      <t>ケッコン</t>
    </rPh>
    <phoneticPr fontId="2"/>
  </si>
  <si>
    <t>日高・御坊版　年々向上する青年の体位　成人体力健康検査終る</t>
    <rPh sb="0" eb="2">
      <t>ヒダカ</t>
    </rPh>
    <rPh sb="3" eb="5">
      <t>ゴボウ</t>
    </rPh>
    <rPh sb="5" eb="6">
      <t>バン</t>
    </rPh>
    <rPh sb="7" eb="9">
      <t>ネンネン</t>
    </rPh>
    <rPh sb="9" eb="11">
      <t>コウジョウ</t>
    </rPh>
    <rPh sb="13" eb="15">
      <t>セイネン</t>
    </rPh>
    <rPh sb="16" eb="18">
      <t>タイイ</t>
    </rPh>
    <rPh sb="19" eb="21">
      <t>セイジン</t>
    </rPh>
    <rPh sb="21" eb="23">
      <t>タイリョク</t>
    </rPh>
    <rPh sb="23" eb="25">
      <t>ケンコウ</t>
    </rPh>
    <rPh sb="25" eb="27">
      <t>ケンサ</t>
    </rPh>
    <rPh sb="27" eb="28">
      <t>オワ</t>
    </rPh>
    <phoneticPr fontId="2"/>
  </si>
  <si>
    <t>日高・御坊版　署名運動に御協力を！</t>
    <rPh sb="0" eb="2">
      <t>ヒダカ</t>
    </rPh>
    <rPh sb="3" eb="5">
      <t>ゴボウ</t>
    </rPh>
    <rPh sb="5" eb="6">
      <t>バン</t>
    </rPh>
    <phoneticPr fontId="2"/>
  </si>
  <si>
    <t>日高・御坊版　月刊わか山　新年号　１月１日発行</t>
    <rPh sb="0" eb="2">
      <t>ヒダカ</t>
    </rPh>
    <rPh sb="3" eb="5">
      <t>ゴボウ</t>
    </rPh>
    <rPh sb="5" eb="6">
      <t>バン</t>
    </rPh>
    <phoneticPr fontId="2"/>
  </si>
  <si>
    <t>日高・御坊版　山火事をなくしましょう！</t>
    <rPh sb="0" eb="2">
      <t>ヒダカ</t>
    </rPh>
    <rPh sb="3" eb="5">
      <t>ゴボウ</t>
    </rPh>
    <rPh sb="5" eb="6">
      <t>バン</t>
    </rPh>
    <phoneticPr fontId="2"/>
  </si>
  <si>
    <t>西牟婁・田辺版　筏からトラックへ　各地に林道続々完成（写真　竣工した鴨折林道）</t>
    <rPh sb="0" eb="3">
      <t>ニシムロ</t>
    </rPh>
    <rPh sb="4" eb="6">
      <t>タナベ</t>
    </rPh>
    <rPh sb="6" eb="7">
      <t>バン</t>
    </rPh>
    <rPh sb="8" eb="9">
      <t>イカダ</t>
    </rPh>
    <rPh sb="17" eb="19">
      <t>カクチ</t>
    </rPh>
    <rPh sb="20" eb="22">
      <t>リンドウ</t>
    </rPh>
    <rPh sb="22" eb="24">
      <t>ゾクゾク</t>
    </rPh>
    <rPh sb="24" eb="26">
      <t>カンセイ</t>
    </rPh>
    <rPh sb="27" eb="29">
      <t>シャシン</t>
    </rPh>
    <rPh sb="30" eb="32">
      <t>シュンコウ</t>
    </rPh>
    <rPh sb="34" eb="35">
      <t>カモ</t>
    </rPh>
    <rPh sb="35" eb="36">
      <t>オ</t>
    </rPh>
    <rPh sb="36" eb="38">
      <t>リンドウ</t>
    </rPh>
    <phoneticPr fontId="2"/>
  </si>
  <si>
    <t>西牟婁・田辺版　地方版新設に寄せて　西牟婁地方事務所長　玉置正一</t>
    <rPh sb="0" eb="3">
      <t>ニシムロ</t>
    </rPh>
    <rPh sb="4" eb="6">
      <t>タナベ</t>
    </rPh>
    <rPh sb="6" eb="7">
      <t>バン</t>
    </rPh>
    <rPh sb="8" eb="10">
      <t>チホウ</t>
    </rPh>
    <rPh sb="10" eb="11">
      <t>バン</t>
    </rPh>
    <rPh sb="11" eb="13">
      <t>シンセツ</t>
    </rPh>
    <rPh sb="14" eb="15">
      <t>ヨ</t>
    </rPh>
    <rPh sb="18" eb="21">
      <t>ニシムロ</t>
    </rPh>
    <rPh sb="21" eb="23">
      <t>チホウ</t>
    </rPh>
    <rPh sb="23" eb="25">
      <t>ジム</t>
    </rPh>
    <rPh sb="25" eb="27">
      <t>ショチョウ</t>
    </rPh>
    <rPh sb="28" eb="30">
      <t>タマキ</t>
    </rPh>
    <rPh sb="30" eb="32">
      <t>セイイチ</t>
    </rPh>
    <phoneticPr fontId="2"/>
  </si>
  <si>
    <t>西牟婁・田辺版　希望に生きる　田辺市長　小森嘉一</t>
    <rPh sb="0" eb="3">
      <t>ニシムロ</t>
    </rPh>
    <rPh sb="4" eb="6">
      <t>タナベ</t>
    </rPh>
    <rPh sb="6" eb="7">
      <t>バン</t>
    </rPh>
    <rPh sb="8" eb="10">
      <t>キボウ</t>
    </rPh>
    <rPh sb="11" eb="12">
      <t>イ</t>
    </rPh>
    <rPh sb="15" eb="17">
      <t>タナベ</t>
    </rPh>
    <rPh sb="17" eb="19">
      <t>シチョウ</t>
    </rPh>
    <rPh sb="20" eb="22">
      <t>コモリ</t>
    </rPh>
    <rPh sb="22" eb="24">
      <t>カイチ</t>
    </rPh>
    <phoneticPr fontId="2"/>
  </si>
  <si>
    <t>西牟婁・田辺版　供米完遂へ　農家の熱意高し</t>
    <rPh sb="0" eb="3">
      <t>ニシムロ</t>
    </rPh>
    <rPh sb="4" eb="6">
      <t>タナベ</t>
    </rPh>
    <rPh sb="6" eb="7">
      <t>バン</t>
    </rPh>
    <rPh sb="8" eb="10">
      <t>キョウマイ</t>
    </rPh>
    <rPh sb="10" eb="12">
      <t>カンスイ</t>
    </rPh>
    <rPh sb="14" eb="16">
      <t>ノウカ</t>
    </rPh>
    <rPh sb="17" eb="19">
      <t>ネツイ</t>
    </rPh>
    <rPh sb="19" eb="20">
      <t>タカ</t>
    </rPh>
    <phoneticPr fontId="2"/>
  </si>
  <si>
    <t>西牟婁・田辺版　虚礼廃止など　白浜町の新生活運動</t>
    <rPh sb="0" eb="3">
      <t>ニシムロ</t>
    </rPh>
    <rPh sb="4" eb="6">
      <t>タナベ</t>
    </rPh>
    <rPh sb="6" eb="7">
      <t>バン</t>
    </rPh>
    <rPh sb="8" eb="10">
      <t>キョレイ</t>
    </rPh>
    <rPh sb="10" eb="12">
      <t>ハイシ</t>
    </rPh>
    <rPh sb="15" eb="18">
      <t>シラハマチョウ</t>
    </rPh>
    <rPh sb="19" eb="24">
      <t>シンセイカツウンドウ</t>
    </rPh>
    <phoneticPr fontId="2"/>
  </si>
  <si>
    <t>西牟婁・田辺版　あの川この橋　芳養川口拡張　“虹の橋”大氏橋</t>
    <rPh sb="0" eb="3">
      <t>ニシムロ</t>
    </rPh>
    <rPh sb="4" eb="6">
      <t>タナベ</t>
    </rPh>
    <rPh sb="6" eb="7">
      <t>バン</t>
    </rPh>
    <rPh sb="10" eb="11">
      <t>カワ</t>
    </rPh>
    <rPh sb="13" eb="14">
      <t>ハシ</t>
    </rPh>
    <rPh sb="15" eb="17">
      <t>ハヤ</t>
    </rPh>
    <rPh sb="17" eb="19">
      <t>カワグチ</t>
    </rPh>
    <rPh sb="19" eb="21">
      <t>カクチョウ</t>
    </rPh>
    <rPh sb="23" eb="24">
      <t>ニジ</t>
    </rPh>
    <rPh sb="25" eb="26">
      <t>ハシ</t>
    </rPh>
    <rPh sb="27" eb="28">
      <t>オオ</t>
    </rPh>
    <rPh sb="28" eb="29">
      <t>シ</t>
    </rPh>
    <rPh sb="29" eb="30">
      <t>ハシ</t>
    </rPh>
    <phoneticPr fontId="2"/>
  </si>
  <si>
    <t>西牟婁・田辺版　立派にできた！ぼくらの講堂　田辺第一小学校</t>
    <rPh sb="0" eb="3">
      <t>ニシムロ</t>
    </rPh>
    <rPh sb="4" eb="6">
      <t>タナベ</t>
    </rPh>
    <rPh sb="6" eb="7">
      <t>バン</t>
    </rPh>
    <rPh sb="8" eb="10">
      <t>リッパ</t>
    </rPh>
    <rPh sb="19" eb="21">
      <t>コウドウ</t>
    </rPh>
    <rPh sb="22" eb="24">
      <t>タナベ</t>
    </rPh>
    <rPh sb="24" eb="25">
      <t>ダイ</t>
    </rPh>
    <rPh sb="25" eb="26">
      <t>1</t>
    </rPh>
    <rPh sb="26" eb="29">
      <t>ショウガッコウ</t>
    </rPh>
    <phoneticPr fontId="2"/>
  </si>
  <si>
    <t>西牟婁・田辺版　県営アパート　三月末、田辺に完成</t>
    <rPh sb="0" eb="3">
      <t>ニシムロ</t>
    </rPh>
    <rPh sb="4" eb="6">
      <t>タナベ</t>
    </rPh>
    <rPh sb="6" eb="7">
      <t>バン</t>
    </rPh>
    <rPh sb="8" eb="10">
      <t>ケンエイ</t>
    </rPh>
    <rPh sb="15" eb="16">
      <t>3</t>
    </rPh>
    <rPh sb="16" eb="17">
      <t>ガツ</t>
    </rPh>
    <rPh sb="17" eb="18">
      <t>マツ</t>
    </rPh>
    <rPh sb="19" eb="21">
      <t>タナベ</t>
    </rPh>
    <rPh sb="22" eb="24">
      <t>カンセイ</t>
    </rPh>
    <phoneticPr fontId="2"/>
  </si>
  <si>
    <t>西牟婁・田辺版　一月の行事</t>
    <rPh sb="0" eb="3">
      <t>ニシムロ</t>
    </rPh>
    <rPh sb="4" eb="6">
      <t>タナベ</t>
    </rPh>
    <rPh sb="6" eb="7">
      <t>バン</t>
    </rPh>
    <rPh sb="8" eb="9">
      <t>1</t>
    </rPh>
    <rPh sb="9" eb="10">
      <t>ガツ</t>
    </rPh>
    <rPh sb="11" eb="13">
      <t>ギョウジ</t>
    </rPh>
    <phoneticPr fontId="2"/>
  </si>
  <si>
    <t>西牟婁・田辺版　郡青年団角力（相撲）大会　知事杯は上秋津チームへ</t>
    <rPh sb="0" eb="3">
      <t>ニシムロ</t>
    </rPh>
    <rPh sb="4" eb="6">
      <t>タナベ</t>
    </rPh>
    <rPh sb="6" eb="7">
      <t>バン</t>
    </rPh>
    <rPh sb="8" eb="9">
      <t>グン</t>
    </rPh>
    <rPh sb="9" eb="12">
      <t>セイネンダン</t>
    </rPh>
    <rPh sb="12" eb="14">
      <t>スモウ</t>
    </rPh>
    <rPh sb="15" eb="17">
      <t>スモウ</t>
    </rPh>
    <rPh sb="18" eb="20">
      <t>タイカイ</t>
    </rPh>
    <rPh sb="21" eb="23">
      <t>チジ</t>
    </rPh>
    <rPh sb="23" eb="24">
      <t>ハイ</t>
    </rPh>
    <rPh sb="25" eb="28">
      <t>カミアキヅ</t>
    </rPh>
    <phoneticPr fontId="2"/>
  </si>
  <si>
    <t>西牟婁・田辺版　署名運動に御協力を！</t>
    <rPh sb="0" eb="3">
      <t>ニシムロ</t>
    </rPh>
    <rPh sb="4" eb="6">
      <t>タナベ</t>
    </rPh>
    <rPh sb="6" eb="7">
      <t>バン</t>
    </rPh>
    <phoneticPr fontId="2"/>
  </si>
  <si>
    <t>西牟婁・田辺版　月刊わか山　新年号　１月１日発行</t>
    <rPh sb="0" eb="3">
      <t>ニシムロ</t>
    </rPh>
    <rPh sb="4" eb="6">
      <t>タナベ</t>
    </rPh>
    <rPh sb="6" eb="7">
      <t>バン</t>
    </rPh>
    <phoneticPr fontId="2"/>
  </si>
  <si>
    <t>西牟婁・田辺版　山火事をなくしましょう！</t>
    <rPh sb="0" eb="3">
      <t>ニシムロ</t>
    </rPh>
    <rPh sb="4" eb="6">
      <t>タナベ</t>
    </rPh>
    <rPh sb="6" eb="7">
      <t>バン</t>
    </rPh>
    <phoneticPr fontId="2"/>
  </si>
  <si>
    <t>東牟婁・新宮版　川丈道路の建設進む　請川→椋呂間</t>
    <rPh sb="0" eb="3">
      <t>ヒガシムロ</t>
    </rPh>
    <rPh sb="4" eb="6">
      <t>シングウ</t>
    </rPh>
    <rPh sb="6" eb="7">
      <t>バン</t>
    </rPh>
    <rPh sb="8" eb="9">
      <t>カワ</t>
    </rPh>
    <rPh sb="9" eb="10">
      <t>タケ</t>
    </rPh>
    <rPh sb="10" eb="12">
      <t>ドウロ</t>
    </rPh>
    <rPh sb="13" eb="15">
      <t>ケンセツ</t>
    </rPh>
    <rPh sb="15" eb="16">
      <t>スス</t>
    </rPh>
    <rPh sb="18" eb="19">
      <t>ウ</t>
    </rPh>
    <rPh sb="19" eb="20">
      <t>カワ</t>
    </rPh>
    <rPh sb="21" eb="22">
      <t>ムク</t>
    </rPh>
    <rPh sb="22" eb="23">
      <t>ロ</t>
    </rPh>
    <rPh sb="23" eb="24">
      <t>カン</t>
    </rPh>
    <phoneticPr fontId="2"/>
  </si>
  <si>
    <t>東牟婁・新宮版　地方版新設に際して　東牟婁地方事務所長　山口泰秀</t>
    <rPh sb="0" eb="3">
      <t>ヒガシムロ</t>
    </rPh>
    <rPh sb="4" eb="6">
      <t>シングウ</t>
    </rPh>
    <rPh sb="6" eb="7">
      <t>バン</t>
    </rPh>
    <rPh sb="8" eb="11">
      <t>チホウバン</t>
    </rPh>
    <rPh sb="11" eb="13">
      <t>シンセツ</t>
    </rPh>
    <rPh sb="14" eb="15">
      <t>サイ</t>
    </rPh>
    <rPh sb="18" eb="21">
      <t>ヒガシムロ</t>
    </rPh>
    <rPh sb="21" eb="23">
      <t>チホウ</t>
    </rPh>
    <rPh sb="23" eb="25">
      <t>ジム</t>
    </rPh>
    <rPh sb="25" eb="27">
      <t>ショチョウ</t>
    </rPh>
    <rPh sb="28" eb="30">
      <t>ヤマグチ</t>
    </rPh>
    <rPh sb="30" eb="32">
      <t>ヤスヒデ</t>
    </rPh>
    <phoneticPr fontId="2"/>
  </si>
  <si>
    <t>東牟婁・新宮版　明るい西向町に　実を結んだ青年の努力　子供クラブ</t>
    <rPh sb="0" eb="3">
      <t>ヒガシムロ</t>
    </rPh>
    <rPh sb="4" eb="6">
      <t>シングウ</t>
    </rPh>
    <rPh sb="6" eb="7">
      <t>バン</t>
    </rPh>
    <phoneticPr fontId="2"/>
  </si>
  <si>
    <t>東牟婁・新宮版　古座川地区で具体化　本郡にも合併促進の機運</t>
    <rPh sb="0" eb="3">
      <t>ヒガシムロ</t>
    </rPh>
    <rPh sb="4" eb="6">
      <t>シングウ</t>
    </rPh>
    <rPh sb="6" eb="7">
      <t>バン</t>
    </rPh>
    <phoneticPr fontId="2"/>
  </si>
  <si>
    <t>東牟婁・新宮版　渡し舟のいらない村に（写真　北山村　三重県熊野市と結ぶ大沼大橋）</t>
    <rPh sb="0" eb="3">
      <t>ヒガシムロ</t>
    </rPh>
    <rPh sb="4" eb="6">
      <t>シングウ</t>
    </rPh>
    <rPh sb="6" eb="7">
      <t>バン</t>
    </rPh>
    <rPh sb="8" eb="9">
      <t>ワタ</t>
    </rPh>
    <rPh sb="10" eb="11">
      <t>ブネ</t>
    </rPh>
    <rPh sb="16" eb="17">
      <t>ムラ</t>
    </rPh>
    <rPh sb="19" eb="21">
      <t>シャシン</t>
    </rPh>
    <rPh sb="22" eb="25">
      <t>キタヤマムラ</t>
    </rPh>
    <rPh sb="26" eb="29">
      <t>ミエケン</t>
    </rPh>
    <rPh sb="29" eb="32">
      <t>クマノシ</t>
    </rPh>
    <rPh sb="33" eb="34">
      <t>ムスブ</t>
    </rPh>
    <rPh sb="35" eb="37">
      <t>オオヌマ</t>
    </rPh>
    <rPh sb="37" eb="39">
      <t>オオハシ</t>
    </rPh>
    <phoneticPr fontId="2"/>
  </si>
  <si>
    <t>東牟婁・新宮版　県下で始めての緬羊種付所完成（写真）</t>
    <rPh sb="0" eb="3">
      <t>ヒガシムロ</t>
    </rPh>
    <rPh sb="4" eb="6">
      <t>シングウ</t>
    </rPh>
    <rPh sb="6" eb="7">
      <t>バン</t>
    </rPh>
    <rPh sb="8" eb="10">
      <t>ケンカ</t>
    </rPh>
    <rPh sb="11" eb="12">
      <t>ハジ</t>
    </rPh>
    <rPh sb="15" eb="17">
      <t>メンヨウ</t>
    </rPh>
    <rPh sb="17" eb="19">
      <t>タネツ</t>
    </rPh>
    <rPh sb="19" eb="20">
      <t>ジョ</t>
    </rPh>
    <rPh sb="20" eb="22">
      <t>カンセイ</t>
    </rPh>
    <rPh sb="23" eb="25">
      <t>シャシン</t>
    </rPh>
    <phoneticPr fontId="2"/>
  </si>
  <si>
    <t>東牟婁・新宮版　県費補助で竣工　三里村の災害林地保全事業（写真）</t>
    <rPh sb="0" eb="3">
      <t>ヒガシムロ</t>
    </rPh>
    <rPh sb="4" eb="6">
      <t>シングウ</t>
    </rPh>
    <rPh sb="6" eb="7">
      <t>バン</t>
    </rPh>
    <rPh sb="8" eb="10">
      <t>ケンピ</t>
    </rPh>
    <rPh sb="10" eb="12">
      <t>ホジョ</t>
    </rPh>
    <rPh sb="13" eb="15">
      <t>シュンコウ</t>
    </rPh>
    <rPh sb="16" eb="17">
      <t>ミ</t>
    </rPh>
    <rPh sb="17" eb="18">
      <t>サト</t>
    </rPh>
    <rPh sb="18" eb="19">
      <t>ムラ</t>
    </rPh>
    <rPh sb="20" eb="22">
      <t>サイガイ</t>
    </rPh>
    <rPh sb="22" eb="23">
      <t>リン</t>
    </rPh>
    <rPh sb="23" eb="24">
      <t>チ</t>
    </rPh>
    <rPh sb="24" eb="26">
      <t>ホゼン</t>
    </rPh>
    <rPh sb="26" eb="28">
      <t>ジギョウ</t>
    </rPh>
    <rPh sb="29" eb="31">
      <t>シャシン</t>
    </rPh>
    <phoneticPr fontId="2"/>
  </si>
  <si>
    <t>東牟婁・新宮版　納税貯蓄組合結成</t>
    <rPh sb="0" eb="3">
      <t>ヒガシムロ</t>
    </rPh>
    <rPh sb="4" eb="6">
      <t>シングウ</t>
    </rPh>
    <rPh sb="6" eb="7">
      <t>バン</t>
    </rPh>
    <rPh sb="8" eb="10">
      <t>ノウゼイ</t>
    </rPh>
    <rPh sb="10" eb="12">
      <t>チョチク</t>
    </rPh>
    <rPh sb="12" eb="14">
      <t>クミアイ</t>
    </rPh>
    <rPh sb="14" eb="16">
      <t>ケッセイ</t>
    </rPh>
    <phoneticPr fontId="2"/>
  </si>
  <si>
    <t>東牟婁・新宮版　供米進む</t>
    <rPh sb="0" eb="3">
      <t>ヒガシムロ</t>
    </rPh>
    <rPh sb="4" eb="6">
      <t>シングウ</t>
    </rPh>
    <rPh sb="6" eb="7">
      <t>バン</t>
    </rPh>
    <rPh sb="8" eb="10">
      <t>キョウマイ</t>
    </rPh>
    <rPh sb="10" eb="11">
      <t>スス</t>
    </rPh>
    <phoneticPr fontId="2"/>
  </si>
  <si>
    <t>東牟婁・新宮版　その後の災害復奮</t>
    <rPh sb="0" eb="3">
      <t>ヒガシムロ</t>
    </rPh>
    <rPh sb="4" eb="6">
      <t>シングウ</t>
    </rPh>
    <rPh sb="6" eb="7">
      <t>バン</t>
    </rPh>
    <rPh sb="10" eb="11">
      <t>ゴ</t>
    </rPh>
    <rPh sb="12" eb="14">
      <t>サイガイ</t>
    </rPh>
    <rPh sb="14" eb="15">
      <t>フク</t>
    </rPh>
    <rPh sb="15" eb="16">
      <t>フン</t>
    </rPh>
    <phoneticPr fontId="2"/>
  </si>
  <si>
    <t>東牟婁・新宮版　署名運動に御協力を！</t>
    <rPh sb="0" eb="3">
      <t>ヒガシムロ</t>
    </rPh>
    <rPh sb="4" eb="6">
      <t>シングウ</t>
    </rPh>
    <rPh sb="6" eb="7">
      <t>バン</t>
    </rPh>
    <phoneticPr fontId="2"/>
  </si>
  <si>
    <t>東牟婁・新宮版　月刊わか山　新年号　１月１日発行</t>
    <rPh sb="0" eb="3">
      <t>ヒガシムロ</t>
    </rPh>
    <rPh sb="4" eb="6">
      <t>シングウ</t>
    </rPh>
    <rPh sb="6" eb="7">
      <t>バン</t>
    </rPh>
    <phoneticPr fontId="2"/>
  </si>
  <si>
    <t>東牟婁・新宮版　山火事をなくしましょう！</t>
    <rPh sb="0" eb="3">
      <t>ヒガシムロ</t>
    </rPh>
    <rPh sb="4" eb="6">
      <t>シングウ</t>
    </rPh>
    <rPh sb="6" eb="7">
      <t>バン</t>
    </rPh>
    <phoneticPr fontId="2"/>
  </si>
  <si>
    <t>県下で２５０橋、復旧へ突貫工事　被災橋梁続々完成へ！（写真　完成へ突貫工事する三谷橋、竣工した大氏橋　赤瀬橋　八幡橋）</t>
    <rPh sb="0" eb="2">
      <t>ケンカ</t>
    </rPh>
    <rPh sb="6" eb="7">
      <t>ハシ</t>
    </rPh>
    <rPh sb="8" eb="10">
      <t>フッキュウ</t>
    </rPh>
    <rPh sb="11" eb="13">
      <t>トッカン</t>
    </rPh>
    <rPh sb="13" eb="15">
      <t>コウジ</t>
    </rPh>
    <rPh sb="16" eb="18">
      <t>ヒサイ</t>
    </rPh>
    <rPh sb="18" eb="20">
      <t>キョウリョウ</t>
    </rPh>
    <rPh sb="20" eb="22">
      <t>ゾクゾク</t>
    </rPh>
    <rPh sb="22" eb="24">
      <t>カンセイ</t>
    </rPh>
    <rPh sb="27" eb="29">
      <t>シャシン</t>
    </rPh>
    <rPh sb="30" eb="32">
      <t>カンセイ</t>
    </rPh>
    <rPh sb="33" eb="35">
      <t>トッカン</t>
    </rPh>
    <rPh sb="35" eb="37">
      <t>コウジ</t>
    </rPh>
    <rPh sb="39" eb="41">
      <t>ミタニ</t>
    </rPh>
    <rPh sb="41" eb="42">
      <t>ハシ</t>
    </rPh>
    <rPh sb="43" eb="45">
      <t>シュンコウ</t>
    </rPh>
    <rPh sb="47" eb="49">
      <t>オオシ</t>
    </rPh>
    <rPh sb="49" eb="50">
      <t>ハシ</t>
    </rPh>
    <rPh sb="51" eb="52">
      <t>セキ</t>
    </rPh>
    <rPh sb="52" eb="53">
      <t>セ</t>
    </rPh>
    <rPh sb="53" eb="54">
      <t>ハシ</t>
    </rPh>
    <rPh sb="55" eb="58">
      <t>ハチマンバシ</t>
    </rPh>
    <phoneticPr fontId="2"/>
  </si>
  <si>
    <t>母と子を幸福に　婦人福祉司の仕事</t>
    <rPh sb="0" eb="1">
      <t>ハハ</t>
    </rPh>
    <rPh sb="2" eb="3">
      <t>コ</t>
    </rPh>
    <rPh sb="4" eb="6">
      <t>コウフク</t>
    </rPh>
    <rPh sb="8" eb="10">
      <t>フジン</t>
    </rPh>
    <rPh sb="10" eb="13">
      <t>フクシシ</t>
    </rPh>
    <rPh sb="14" eb="16">
      <t>シゴト</t>
    </rPh>
    <phoneticPr fontId="2"/>
  </si>
  <si>
    <t>鹿島経済部長辞任</t>
    <rPh sb="0" eb="2">
      <t>カシマ</t>
    </rPh>
    <rPh sb="2" eb="4">
      <t>ケイザイ</t>
    </rPh>
    <rPh sb="4" eb="6">
      <t>ブチョウ</t>
    </rPh>
    <rPh sb="6" eb="8">
      <t>ジニン</t>
    </rPh>
    <phoneticPr fontId="2"/>
  </si>
  <si>
    <t>人事異動</t>
    <rPh sb="0" eb="2">
      <t>ジンジ</t>
    </rPh>
    <rPh sb="2" eb="4">
      <t>イドウ</t>
    </rPh>
    <phoneticPr fontId="2"/>
  </si>
  <si>
    <t>緑の羽根　２月２０日～３月３１日</t>
    <rPh sb="0" eb="1">
      <t>ミドリ</t>
    </rPh>
    <rPh sb="2" eb="4">
      <t>ハネ</t>
    </rPh>
    <rPh sb="6" eb="7">
      <t>ガツ</t>
    </rPh>
    <rPh sb="9" eb="10">
      <t>ヒ</t>
    </rPh>
    <rPh sb="12" eb="13">
      <t>ガツ</t>
    </rPh>
    <rPh sb="15" eb="16">
      <t>ニチ</t>
    </rPh>
    <phoneticPr fontId="2"/>
  </si>
  <si>
    <t>全日本赤ちゃんコンクール　県下乳幼児コンクール</t>
    <rPh sb="0" eb="3">
      <t>ゼンニホン</t>
    </rPh>
    <rPh sb="3" eb="4">
      <t>アカ</t>
    </rPh>
    <rPh sb="13" eb="15">
      <t>ケンカ</t>
    </rPh>
    <rPh sb="15" eb="18">
      <t>ニュウヨウジ</t>
    </rPh>
    <phoneticPr fontId="2"/>
  </si>
  <si>
    <t>この一票が政治を決める　（解説）金を使わぬ選挙に　改正された公職選挙法</t>
    <rPh sb="2" eb="4">
      <t>イッピョウ</t>
    </rPh>
    <rPh sb="5" eb="7">
      <t>セイジ</t>
    </rPh>
    <rPh sb="8" eb="9">
      <t>キ</t>
    </rPh>
    <rPh sb="13" eb="15">
      <t>カイセツ</t>
    </rPh>
    <rPh sb="16" eb="17">
      <t>カネ</t>
    </rPh>
    <rPh sb="18" eb="19">
      <t>ツカ</t>
    </rPh>
    <rPh sb="21" eb="23">
      <t>センキョ</t>
    </rPh>
    <rPh sb="25" eb="27">
      <t>カイセイ</t>
    </rPh>
    <rPh sb="30" eb="32">
      <t>コウショク</t>
    </rPh>
    <rPh sb="32" eb="35">
      <t>センキョホウ</t>
    </rPh>
    <phoneticPr fontId="2"/>
  </si>
  <si>
    <t>公明選挙を推進しよう</t>
    <rPh sb="0" eb="2">
      <t>コウメイ</t>
    </rPh>
    <rPh sb="2" eb="4">
      <t>センキョ</t>
    </rPh>
    <rPh sb="5" eb="7">
      <t>スイシン</t>
    </rPh>
    <phoneticPr fontId="2"/>
  </si>
  <si>
    <t>昭和２９年の伝染病統計まとまる</t>
    <rPh sb="0" eb="2">
      <t>ショウワ</t>
    </rPh>
    <rPh sb="4" eb="5">
      <t>ネン</t>
    </rPh>
    <rPh sb="6" eb="9">
      <t>デンセンビョウ</t>
    </rPh>
    <rPh sb="9" eb="11">
      <t>トウケイ</t>
    </rPh>
    <phoneticPr fontId="2"/>
  </si>
  <si>
    <t>月刊わか山　県議会特集号</t>
    <rPh sb="0" eb="2">
      <t>ゲッカン</t>
    </rPh>
    <rPh sb="4" eb="5">
      <t>ヤマ</t>
    </rPh>
    <rPh sb="6" eb="9">
      <t>ケンギカイ</t>
    </rPh>
    <rPh sb="9" eb="12">
      <t>トクシュウゴウ</t>
    </rPh>
    <phoneticPr fontId="2"/>
  </si>
  <si>
    <t>船体整備を慎重に　必ず無電施設を　漁船の遭難頻発に警告</t>
    <rPh sb="0" eb="2">
      <t>センタイ</t>
    </rPh>
    <rPh sb="2" eb="4">
      <t>セイビ</t>
    </rPh>
    <rPh sb="5" eb="7">
      <t>シンチョウ</t>
    </rPh>
    <rPh sb="9" eb="10">
      <t>カナラ</t>
    </rPh>
    <rPh sb="11" eb="13">
      <t>ムデン</t>
    </rPh>
    <rPh sb="13" eb="15">
      <t>シセツ</t>
    </rPh>
    <rPh sb="17" eb="19">
      <t>ギョセン</t>
    </rPh>
    <rPh sb="20" eb="22">
      <t>ソウナン</t>
    </rPh>
    <rPh sb="22" eb="24">
      <t>ヒンパツ</t>
    </rPh>
    <rPh sb="25" eb="27">
      <t>ケイコク</t>
    </rPh>
    <phoneticPr fontId="2"/>
  </si>
  <si>
    <t>有望な南米移民　来年度は三倍になる見込</t>
    <rPh sb="0" eb="2">
      <t>ユウボウ</t>
    </rPh>
    <rPh sb="3" eb="5">
      <t>ナンベイ</t>
    </rPh>
    <rPh sb="5" eb="7">
      <t>イミン</t>
    </rPh>
    <rPh sb="8" eb="11">
      <t>ライネンド</t>
    </rPh>
    <rPh sb="12" eb="13">
      <t>3</t>
    </rPh>
    <rPh sb="13" eb="14">
      <t>バイ</t>
    </rPh>
    <rPh sb="17" eb="19">
      <t>ミコ</t>
    </rPh>
    <phoneticPr fontId="2"/>
  </si>
  <si>
    <t>成人の日に輝く表彰　成人体力健康検査（写真）</t>
    <rPh sb="0" eb="2">
      <t>セイジン</t>
    </rPh>
    <rPh sb="3" eb="4">
      <t>ヒ</t>
    </rPh>
    <rPh sb="5" eb="6">
      <t>カガヤ</t>
    </rPh>
    <rPh sb="7" eb="9">
      <t>ヒョウショウ</t>
    </rPh>
    <rPh sb="10" eb="12">
      <t>セイジン</t>
    </rPh>
    <rPh sb="12" eb="14">
      <t>タイリョク</t>
    </rPh>
    <rPh sb="14" eb="16">
      <t>ケンコウ</t>
    </rPh>
    <rPh sb="16" eb="18">
      <t>ケンサ</t>
    </rPh>
    <rPh sb="19" eb="21">
      <t>シャシン</t>
    </rPh>
    <phoneticPr fontId="2"/>
  </si>
  <si>
    <t>京阪神へ　就職の足がかり　大阪に労務駐在員</t>
    <rPh sb="0" eb="3">
      <t>ケイハンシン</t>
    </rPh>
    <rPh sb="5" eb="7">
      <t>シュウショク</t>
    </rPh>
    <rPh sb="8" eb="9">
      <t>アシ</t>
    </rPh>
    <rPh sb="13" eb="15">
      <t>オオサカ</t>
    </rPh>
    <rPh sb="16" eb="18">
      <t>ロウム</t>
    </rPh>
    <rPh sb="18" eb="21">
      <t>チュウザイイン</t>
    </rPh>
    <phoneticPr fontId="2"/>
  </si>
  <si>
    <t>優良こども銀行を表彰（写真　小野知事から賞状を受けるこども銀行の代表者）</t>
    <rPh sb="0" eb="2">
      <t>ユウリョウ</t>
    </rPh>
    <rPh sb="5" eb="7">
      <t>ギンコウ</t>
    </rPh>
    <rPh sb="8" eb="10">
      <t>ヒョウショウ</t>
    </rPh>
    <rPh sb="11" eb="13">
      <t>シャシン</t>
    </rPh>
    <rPh sb="14" eb="16">
      <t>オノ</t>
    </rPh>
    <rPh sb="16" eb="18">
      <t>チジ</t>
    </rPh>
    <rPh sb="20" eb="22">
      <t>ショウジョウ</t>
    </rPh>
    <rPh sb="23" eb="24">
      <t>ウ</t>
    </rPh>
    <rPh sb="29" eb="31">
      <t>ギンコウ</t>
    </rPh>
    <rPh sb="32" eb="35">
      <t>ダイヒョウシャ</t>
    </rPh>
    <phoneticPr fontId="2"/>
  </si>
  <si>
    <t>新生活標語など入選作十一点きまる（トッパンは入選マーク）</t>
    <rPh sb="0" eb="3">
      <t>シンセイカツ</t>
    </rPh>
    <rPh sb="3" eb="5">
      <t>ヒョウゴ</t>
    </rPh>
    <rPh sb="7" eb="9">
      <t>ニュウセン</t>
    </rPh>
    <rPh sb="9" eb="10">
      <t>サク</t>
    </rPh>
    <rPh sb="10" eb="12">
      <t>11</t>
    </rPh>
    <rPh sb="12" eb="13">
      <t>テン</t>
    </rPh>
    <rPh sb="22" eb="24">
      <t>ニュウセン</t>
    </rPh>
    <phoneticPr fontId="2"/>
  </si>
  <si>
    <t>伊都郡に婦人保健会</t>
    <rPh sb="0" eb="3">
      <t>イトグン</t>
    </rPh>
    <rPh sb="4" eb="6">
      <t>フジン</t>
    </rPh>
    <rPh sb="6" eb="8">
      <t>ホケン</t>
    </rPh>
    <rPh sb="8" eb="9">
      <t>カイ</t>
    </rPh>
    <phoneticPr fontId="2"/>
  </si>
  <si>
    <t>東京事務所移転</t>
    <rPh sb="0" eb="2">
      <t>トウキョウ</t>
    </rPh>
    <rPh sb="2" eb="5">
      <t>ジムショ</t>
    </rPh>
    <rPh sb="5" eb="7">
      <t>イテン</t>
    </rPh>
    <phoneticPr fontId="2"/>
  </si>
  <si>
    <t>硫安一〇七〇トン　非常にそなえ各地に保管</t>
    <rPh sb="0" eb="2">
      <t>リュウアン</t>
    </rPh>
    <rPh sb="2" eb="6">
      <t>1070</t>
    </rPh>
    <rPh sb="9" eb="11">
      <t>ヒジョウ</t>
    </rPh>
    <rPh sb="15" eb="17">
      <t>カクチ</t>
    </rPh>
    <rPh sb="18" eb="20">
      <t>ホカン</t>
    </rPh>
    <phoneticPr fontId="2"/>
  </si>
  <si>
    <t>第六回和歌山県産業と観光展　２月１６日→２０日　丸正催場</t>
    <rPh sb="0" eb="1">
      <t>ダイ</t>
    </rPh>
    <rPh sb="1" eb="2">
      <t>6</t>
    </rPh>
    <rPh sb="2" eb="3">
      <t>カイ</t>
    </rPh>
    <rPh sb="3" eb="7">
      <t>ワカヤマケン</t>
    </rPh>
    <rPh sb="7" eb="9">
      <t>サンギョウ</t>
    </rPh>
    <rPh sb="10" eb="12">
      <t>カンコウ</t>
    </rPh>
    <rPh sb="12" eb="13">
      <t>テン</t>
    </rPh>
    <rPh sb="15" eb="16">
      <t>ガツ</t>
    </rPh>
    <rPh sb="18" eb="19">
      <t>ニチ</t>
    </rPh>
    <rPh sb="22" eb="23">
      <t>ヒ</t>
    </rPh>
    <rPh sb="24" eb="26">
      <t>マルショウ</t>
    </rPh>
    <rPh sb="26" eb="27">
      <t>モヨオ</t>
    </rPh>
    <rPh sb="27" eb="28">
      <t>ジョウ</t>
    </rPh>
    <phoneticPr fontId="2"/>
  </si>
  <si>
    <t>２月１８日　漁業協同組合大会　田辺市公会堂</t>
    <rPh sb="1" eb="2">
      <t>ガツ</t>
    </rPh>
    <rPh sb="4" eb="5">
      <t>ニチ</t>
    </rPh>
    <rPh sb="6" eb="8">
      <t>ギョギョウ</t>
    </rPh>
    <rPh sb="8" eb="10">
      <t>キョウドウ</t>
    </rPh>
    <rPh sb="10" eb="12">
      <t>クミアイ</t>
    </rPh>
    <rPh sb="12" eb="14">
      <t>タイカイ</t>
    </rPh>
    <rPh sb="15" eb="18">
      <t>タナベシ</t>
    </rPh>
    <rPh sb="18" eb="21">
      <t>コウカイドウ</t>
    </rPh>
    <phoneticPr fontId="2"/>
  </si>
  <si>
    <t>市内版　この喜びを知事に　初出荷もできました　明るい顔の和歌川のり業者（写真　県庁玄関前でのり業者と語る小野知事）</t>
    <rPh sb="0" eb="2">
      <t>シナイ</t>
    </rPh>
    <rPh sb="2" eb="3">
      <t>バン</t>
    </rPh>
    <rPh sb="6" eb="7">
      <t>ヨロコ</t>
    </rPh>
    <rPh sb="9" eb="11">
      <t>チジ</t>
    </rPh>
    <rPh sb="13" eb="16">
      <t>ハツシュッカ</t>
    </rPh>
    <rPh sb="23" eb="24">
      <t>アカ</t>
    </rPh>
    <rPh sb="26" eb="27">
      <t>カオ</t>
    </rPh>
    <rPh sb="28" eb="31">
      <t>ワカガワ</t>
    </rPh>
    <rPh sb="33" eb="35">
      <t>ギョウシャ</t>
    </rPh>
    <rPh sb="36" eb="38">
      <t>シャシン</t>
    </rPh>
    <rPh sb="39" eb="41">
      <t>ケンチョウ</t>
    </rPh>
    <rPh sb="41" eb="43">
      <t>ゲンカン</t>
    </rPh>
    <rPh sb="43" eb="44">
      <t>マエ</t>
    </rPh>
    <rPh sb="47" eb="49">
      <t>ギョウシャ</t>
    </rPh>
    <rPh sb="50" eb="51">
      <t>カタ</t>
    </rPh>
    <rPh sb="52" eb="54">
      <t>オノ</t>
    </rPh>
    <rPh sb="54" eb="56">
      <t>チジ</t>
    </rPh>
    <phoneticPr fontId="2"/>
  </si>
  <si>
    <t>市内版　戦没者追悼式　おごそかに終る　花輪なく新生活で</t>
    <rPh sb="0" eb="2">
      <t>シナイ</t>
    </rPh>
    <rPh sb="2" eb="3">
      <t>バン</t>
    </rPh>
    <rPh sb="4" eb="7">
      <t>センボツシャ</t>
    </rPh>
    <rPh sb="7" eb="10">
      <t>ツイトウシキ</t>
    </rPh>
    <rPh sb="16" eb="17">
      <t>オワ</t>
    </rPh>
    <rPh sb="19" eb="21">
      <t>ハナワ</t>
    </rPh>
    <rPh sb="23" eb="26">
      <t>シンセイカツ</t>
    </rPh>
    <phoneticPr fontId="2"/>
  </si>
  <si>
    <t>市内版　照明と家庭電化展　丸正百貨店（写真）</t>
    <rPh sb="0" eb="2">
      <t>シナイ</t>
    </rPh>
    <rPh sb="2" eb="3">
      <t>バン</t>
    </rPh>
    <rPh sb="4" eb="6">
      <t>ショウメイ</t>
    </rPh>
    <rPh sb="7" eb="9">
      <t>カテイ</t>
    </rPh>
    <rPh sb="9" eb="12">
      <t>デンカテン</t>
    </rPh>
    <rPh sb="13" eb="15">
      <t>マルショウ</t>
    </rPh>
    <rPh sb="15" eb="18">
      <t>ヒャッカテン</t>
    </rPh>
    <rPh sb="19" eb="21">
      <t>シャシン</t>
    </rPh>
    <phoneticPr fontId="2"/>
  </si>
  <si>
    <t>市内版　楠見小学校　こども銀行</t>
    <rPh sb="0" eb="2">
      <t>シナイ</t>
    </rPh>
    <rPh sb="2" eb="3">
      <t>バン</t>
    </rPh>
    <rPh sb="4" eb="6">
      <t>クスミ</t>
    </rPh>
    <rPh sb="6" eb="9">
      <t>ショウガッコウ</t>
    </rPh>
    <rPh sb="13" eb="15">
      <t>ギンコウ</t>
    </rPh>
    <phoneticPr fontId="2"/>
  </si>
  <si>
    <t>市内版　防ごう交通事故</t>
    <rPh sb="0" eb="2">
      <t>シナイ</t>
    </rPh>
    <rPh sb="2" eb="3">
      <t>バン</t>
    </rPh>
    <rPh sb="4" eb="5">
      <t>フセ</t>
    </rPh>
    <rPh sb="7" eb="9">
      <t>コウツウ</t>
    </rPh>
    <rPh sb="9" eb="11">
      <t>ジコ</t>
    </rPh>
    <phoneticPr fontId="2"/>
  </si>
  <si>
    <t>市内版　県政ニュース№７　市内で封切</t>
    <rPh sb="0" eb="2">
      <t>シナイ</t>
    </rPh>
    <rPh sb="2" eb="3">
      <t>バン</t>
    </rPh>
    <rPh sb="4" eb="6">
      <t>ケンセイ</t>
    </rPh>
    <rPh sb="13" eb="15">
      <t>シナイ</t>
    </rPh>
    <rPh sb="16" eb="18">
      <t>フウキリ</t>
    </rPh>
    <phoneticPr fontId="2"/>
  </si>
  <si>
    <t>市内版　「私生活の建設」運動参加　署名運動</t>
    <rPh sb="0" eb="2">
      <t>シナイ</t>
    </rPh>
    <rPh sb="2" eb="3">
      <t>バン</t>
    </rPh>
    <rPh sb="5" eb="8">
      <t>シセイカツ</t>
    </rPh>
    <rPh sb="9" eb="11">
      <t>ケンセツ</t>
    </rPh>
    <rPh sb="12" eb="14">
      <t>ウンドウ</t>
    </rPh>
    <rPh sb="14" eb="16">
      <t>サンカ</t>
    </rPh>
    <rPh sb="17" eb="19">
      <t>ショメイ</t>
    </rPh>
    <rPh sb="19" eb="21">
      <t>ウンドウ</t>
    </rPh>
    <phoneticPr fontId="2"/>
  </si>
  <si>
    <t>市内版　新生活入選コント　通夜の夜　田村悠紀</t>
    <rPh sb="0" eb="2">
      <t>シナイ</t>
    </rPh>
    <rPh sb="2" eb="3">
      <t>バン</t>
    </rPh>
    <rPh sb="4" eb="7">
      <t>シンセイカツ</t>
    </rPh>
    <rPh sb="7" eb="9">
      <t>ニュウセン</t>
    </rPh>
    <rPh sb="13" eb="15">
      <t>ツヤ</t>
    </rPh>
    <rPh sb="16" eb="17">
      <t>ヨル</t>
    </rPh>
    <rPh sb="18" eb="20">
      <t>タムラ</t>
    </rPh>
    <rPh sb="20" eb="22">
      <t>ユキ</t>
    </rPh>
    <phoneticPr fontId="2"/>
  </si>
  <si>
    <t>市内版　農業講習所学生募集</t>
    <rPh sb="0" eb="2">
      <t>シナイ</t>
    </rPh>
    <rPh sb="2" eb="3">
      <t>バン</t>
    </rPh>
    <rPh sb="4" eb="6">
      <t>ノウギョウ</t>
    </rPh>
    <rPh sb="6" eb="9">
      <t>コウシュウジョ</t>
    </rPh>
    <rPh sb="9" eb="11">
      <t>ガクセイ</t>
    </rPh>
    <rPh sb="11" eb="13">
      <t>ボシュウ</t>
    </rPh>
    <phoneticPr fontId="2"/>
  </si>
  <si>
    <t>市内版　果樹園の裏なり防止は土壌改良から</t>
    <rPh sb="0" eb="2">
      <t>シナイ</t>
    </rPh>
    <rPh sb="2" eb="3">
      <t>バン</t>
    </rPh>
    <rPh sb="4" eb="7">
      <t>カジュエン</t>
    </rPh>
    <rPh sb="8" eb="9">
      <t>ウラ</t>
    </rPh>
    <rPh sb="11" eb="13">
      <t>ボウシ</t>
    </rPh>
    <rPh sb="14" eb="16">
      <t>ドジョウ</t>
    </rPh>
    <rPh sb="16" eb="18">
      <t>カイリョウ</t>
    </rPh>
    <phoneticPr fontId="2"/>
  </si>
  <si>
    <t>海草・海南版　瘠悪林地を緑の山に　改良事業各地で実施</t>
    <rPh sb="0" eb="2">
      <t>カイソウ</t>
    </rPh>
    <rPh sb="3" eb="5">
      <t>カイナン</t>
    </rPh>
    <rPh sb="5" eb="6">
      <t>バン</t>
    </rPh>
    <rPh sb="8" eb="9">
      <t>アク</t>
    </rPh>
    <rPh sb="9" eb="11">
      <t>リンチ</t>
    </rPh>
    <rPh sb="12" eb="13">
      <t>ミドリ</t>
    </rPh>
    <rPh sb="14" eb="15">
      <t>ヤマ</t>
    </rPh>
    <rPh sb="17" eb="19">
      <t>カイリョウ</t>
    </rPh>
    <rPh sb="19" eb="21">
      <t>ジギョウ</t>
    </rPh>
    <rPh sb="21" eb="23">
      <t>カクチ</t>
    </rPh>
    <rPh sb="24" eb="26">
      <t>ジッシ</t>
    </rPh>
    <phoneticPr fontId="2"/>
  </si>
  <si>
    <t>海草・海南版　４Hクラブ充実発展へ　実績発表など二大会</t>
    <rPh sb="0" eb="2">
      <t>カイソウ</t>
    </rPh>
    <rPh sb="3" eb="5">
      <t>カイナン</t>
    </rPh>
    <rPh sb="5" eb="6">
      <t>バン</t>
    </rPh>
    <rPh sb="12" eb="14">
      <t>ジュウジツ</t>
    </rPh>
    <rPh sb="14" eb="16">
      <t>ハッテン</t>
    </rPh>
    <rPh sb="18" eb="20">
      <t>ジッセキ</t>
    </rPh>
    <rPh sb="20" eb="22">
      <t>ハッピョウ</t>
    </rPh>
    <rPh sb="24" eb="25">
      <t>2</t>
    </rPh>
    <rPh sb="25" eb="27">
      <t>タイカイ</t>
    </rPh>
    <phoneticPr fontId="2"/>
  </si>
  <si>
    <t>海草・海南版　郡内有権者確定</t>
    <rPh sb="0" eb="2">
      <t>カイソウ</t>
    </rPh>
    <rPh sb="3" eb="5">
      <t>カイナン</t>
    </rPh>
    <rPh sb="5" eb="6">
      <t>バン</t>
    </rPh>
    <rPh sb="7" eb="9">
      <t>グンナイ</t>
    </rPh>
    <rPh sb="9" eb="12">
      <t>ユウケンシャ</t>
    </rPh>
    <rPh sb="12" eb="14">
      <t>カクテイ</t>
    </rPh>
    <phoneticPr fontId="2"/>
  </si>
  <si>
    <t>海草・海南版　盛大に消防出初式（写真　紀の川での放流試験）</t>
    <rPh sb="0" eb="2">
      <t>カイソウ</t>
    </rPh>
    <rPh sb="3" eb="5">
      <t>カイナン</t>
    </rPh>
    <rPh sb="5" eb="6">
      <t>バン</t>
    </rPh>
    <rPh sb="7" eb="9">
      <t>セイダイ</t>
    </rPh>
    <rPh sb="10" eb="12">
      <t>ショウボウ</t>
    </rPh>
    <rPh sb="12" eb="15">
      <t>デゾメシキ</t>
    </rPh>
    <rPh sb="16" eb="18">
      <t>シャシン</t>
    </rPh>
    <rPh sb="19" eb="20">
      <t>キ</t>
    </rPh>
    <rPh sb="21" eb="22">
      <t>カワ</t>
    </rPh>
    <rPh sb="24" eb="26">
      <t>ホウリュウ</t>
    </rPh>
    <rPh sb="26" eb="28">
      <t>シケン</t>
    </rPh>
    <phoneticPr fontId="2"/>
  </si>
  <si>
    <t>海草・海南版　百の計画より一つの実践　海草地方事務所長　中尾定義</t>
    <rPh sb="0" eb="2">
      <t>カイソウ</t>
    </rPh>
    <rPh sb="3" eb="5">
      <t>カイナン</t>
    </rPh>
    <rPh sb="5" eb="6">
      <t>バン</t>
    </rPh>
    <rPh sb="7" eb="8">
      <t>100</t>
    </rPh>
    <rPh sb="9" eb="11">
      <t>ケイカク</t>
    </rPh>
    <rPh sb="13" eb="14">
      <t>ヒト</t>
    </rPh>
    <rPh sb="16" eb="18">
      <t>ジッセン</t>
    </rPh>
    <rPh sb="19" eb="21">
      <t>カイソウ</t>
    </rPh>
    <rPh sb="21" eb="23">
      <t>チホウ</t>
    </rPh>
    <rPh sb="23" eb="25">
      <t>ジム</t>
    </rPh>
    <rPh sb="25" eb="27">
      <t>ショチョウ</t>
    </rPh>
    <rPh sb="28" eb="30">
      <t>ナカオ</t>
    </rPh>
    <rPh sb="30" eb="32">
      <t>サダヨシ</t>
    </rPh>
    <phoneticPr fontId="2"/>
  </si>
  <si>
    <t>海草・海南版　ホリドール入荷</t>
    <rPh sb="0" eb="2">
      <t>カイソウ</t>
    </rPh>
    <rPh sb="3" eb="5">
      <t>カイナン</t>
    </rPh>
    <rPh sb="5" eb="6">
      <t>バン</t>
    </rPh>
    <rPh sb="12" eb="14">
      <t>ニュウカ</t>
    </rPh>
    <phoneticPr fontId="2"/>
  </si>
  <si>
    <t>海草・海南版　湿潤鶏舎に敷ワラを</t>
    <rPh sb="0" eb="2">
      <t>カイソウ</t>
    </rPh>
    <rPh sb="3" eb="5">
      <t>カイナン</t>
    </rPh>
    <rPh sb="5" eb="6">
      <t>バン</t>
    </rPh>
    <rPh sb="7" eb="9">
      <t>シツジュン</t>
    </rPh>
    <rPh sb="9" eb="11">
      <t>ケイシャ</t>
    </rPh>
    <rPh sb="12" eb="13">
      <t>シ</t>
    </rPh>
    <phoneticPr fontId="2"/>
  </si>
  <si>
    <t>海草・海南版　管内施設訪問記（その二）　養護施設　こばと学園（写真）</t>
    <rPh sb="0" eb="2">
      <t>カイソウ</t>
    </rPh>
    <rPh sb="3" eb="5">
      <t>カイナン</t>
    </rPh>
    <rPh sb="5" eb="6">
      <t>バン</t>
    </rPh>
    <rPh sb="7" eb="9">
      <t>カンナイ</t>
    </rPh>
    <rPh sb="9" eb="11">
      <t>シセツ</t>
    </rPh>
    <rPh sb="11" eb="14">
      <t>ホウモンキ</t>
    </rPh>
    <rPh sb="17" eb="18">
      <t>2</t>
    </rPh>
    <rPh sb="20" eb="22">
      <t>ヨウゴ</t>
    </rPh>
    <rPh sb="22" eb="24">
      <t>シセツ</t>
    </rPh>
    <rPh sb="28" eb="30">
      <t>ガクエン</t>
    </rPh>
    <rPh sb="31" eb="33">
      <t>シャシン</t>
    </rPh>
    <phoneticPr fontId="2"/>
  </si>
  <si>
    <t>海草・海南版　農業改良生活改善普及員募集</t>
    <rPh sb="0" eb="2">
      <t>カイソウ</t>
    </rPh>
    <rPh sb="3" eb="5">
      <t>カイナン</t>
    </rPh>
    <rPh sb="5" eb="6">
      <t>バン</t>
    </rPh>
    <rPh sb="7" eb="9">
      <t>ノウギョウ</t>
    </rPh>
    <rPh sb="9" eb="11">
      <t>カイリョウ</t>
    </rPh>
    <rPh sb="11" eb="13">
      <t>セイカツ</t>
    </rPh>
    <rPh sb="13" eb="15">
      <t>カイゼン</t>
    </rPh>
    <rPh sb="15" eb="18">
      <t>フキュウイン</t>
    </rPh>
    <rPh sb="18" eb="20">
      <t>ボシュウ</t>
    </rPh>
    <phoneticPr fontId="2"/>
  </si>
  <si>
    <t>海草・海南版　農業講習所学生募集</t>
    <rPh sb="0" eb="2">
      <t>カイソウ</t>
    </rPh>
    <rPh sb="3" eb="5">
      <t>カイナン</t>
    </rPh>
    <rPh sb="5" eb="6">
      <t>バン</t>
    </rPh>
    <phoneticPr fontId="2"/>
  </si>
  <si>
    <t>海草・海南版　果樹園の裏なり防止は土壌改良から</t>
    <rPh sb="0" eb="2">
      <t>カイソウ</t>
    </rPh>
    <rPh sb="3" eb="5">
      <t>カイナン</t>
    </rPh>
    <rPh sb="5" eb="6">
      <t>バン</t>
    </rPh>
    <phoneticPr fontId="2"/>
  </si>
  <si>
    <t>那賀版　紀の川改修　来年度の重大課題　第三回那賀会で知事言明</t>
    <rPh sb="0" eb="2">
      <t>ナガ</t>
    </rPh>
    <rPh sb="2" eb="3">
      <t>バン</t>
    </rPh>
    <rPh sb="4" eb="5">
      <t>キ</t>
    </rPh>
    <rPh sb="6" eb="7">
      <t>カワ</t>
    </rPh>
    <rPh sb="7" eb="9">
      <t>カイシュウ</t>
    </rPh>
    <rPh sb="10" eb="13">
      <t>ライネンド</t>
    </rPh>
    <rPh sb="14" eb="16">
      <t>ジュウダイ</t>
    </rPh>
    <rPh sb="16" eb="18">
      <t>カダイ</t>
    </rPh>
    <rPh sb="19" eb="20">
      <t>ダイ</t>
    </rPh>
    <rPh sb="20" eb="21">
      <t>3</t>
    </rPh>
    <rPh sb="21" eb="22">
      <t>カイ</t>
    </rPh>
    <rPh sb="22" eb="24">
      <t>ナガ</t>
    </rPh>
    <rPh sb="24" eb="25">
      <t>カイ</t>
    </rPh>
    <rPh sb="26" eb="28">
      <t>チジ</t>
    </rPh>
    <rPh sb="28" eb="30">
      <t>ゲンメイ</t>
    </rPh>
    <phoneticPr fontId="2"/>
  </si>
  <si>
    <t>那賀版　宮前橋完成（写真）</t>
    <rPh sb="0" eb="2">
      <t>ナガ</t>
    </rPh>
    <rPh sb="2" eb="3">
      <t>バン</t>
    </rPh>
    <rPh sb="4" eb="7">
      <t>ミヤマエバシ</t>
    </rPh>
    <rPh sb="7" eb="9">
      <t>カンセイ</t>
    </rPh>
    <rPh sb="10" eb="12">
      <t>シャシン</t>
    </rPh>
    <phoneticPr fontId="2"/>
  </si>
  <si>
    <t>那賀版　未亡人に福音　粉河に母子寮ができる</t>
    <rPh sb="0" eb="2">
      <t>ナガ</t>
    </rPh>
    <rPh sb="2" eb="3">
      <t>バン</t>
    </rPh>
    <rPh sb="4" eb="7">
      <t>ミボウジン</t>
    </rPh>
    <rPh sb="8" eb="10">
      <t>フクイン</t>
    </rPh>
    <rPh sb="11" eb="13">
      <t>コカワ</t>
    </rPh>
    <rPh sb="14" eb="17">
      <t>ボシリョウ</t>
    </rPh>
    <phoneticPr fontId="2"/>
  </si>
  <si>
    <t>那賀版　消防連合演習　優良団員表彰（写真　紀の川竹房橋付近で放水試験、観閲する小野知事）</t>
    <rPh sb="0" eb="2">
      <t>ナガ</t>
    </rPh>
    <rPh sb="2" eb="3">
      <t>バン</t>
    </rPh>
    <rPh sb="4" eb="6">
      <t>ショウボウ</t>
    </rPh>
    <rPh sb="6" eb="8">
      <t>レンゴウ</t>
    </rPh>
    <rPh sb="8" eb="10">
      <t>エンシュウ</t>
    </rPh>
    <rPh sb="11" eb="13">
      <t>ユウリョウ</t>
    </rPh>
    <rPh sb="13" eb="15">
      <t>ダンイン</t>
    </rPh>
    <rPh sb="15" eb="17">
      <t>ヒョウショウ</t>
    </rPh>
    <rPh sb="18" eb="20">
      <t>シャシン</t>
    </rPh>
    <rPh sb="21" eb="22">
      <t>キ</t>
    </rPh>
    <rPh sb="23" eb="24">
      <t>カワ</t>
    </rPh>
    <rPh sb="24" eb="26">
      <t>タケフサ</t>
    </rPh>
    <rPh sb="26" eb="27">
      <t>ハシ</t>
    </rPh>
    <rPh sb="27" eb="29">
      <t>フキン</t>
    </rPh>
    <rPh sb="30" eb="32">
      <t>ホウスイ</t>
    </rPh>
    <rPh sb="32" eb="34">
      <t>シケン</t>
    </rPh>
    <rPh sb="35" eb="37">
      <t>カンエツ</t>
    </rPh>
    <rPh sb="39" eb="41">
      <t>オノ</t>
    </rPh>
    <rPh sb="41" eb="43">
      <t>チジ</t>
    </rPh>
    <phoneticPr fontId="2"/>
  </si>
  <si>
    <t>那賀版　町村合併は若人から　池田、田中両村　青年協議会発足</t>
    <rPh sb="0" eb="2">
      <t>ナガ</t>
    </rPh>
    <rPh sb="2" eb="3">
      <t>バン</t>
    </rPh>
    <rPh sb="4" eb="6">
      <t>チョウソン</t>
    </rPh>
    <rPh sb="6" eb="8">
      <t>ガッペイ</t>
    </rPh>
    <rPh sb="9" eb="11">
      <t>ワコウド</t>
    </rPh>
    <rPh sb="14" eb="16">
      <t>イケダ</t>
    </rPh>
    <rPh sb="17" eb="19">
      <t>タナカ</t>
    </rPh>
    <rPh sb="19" eb="20">
      <t>リョウ</t>
    </rPh>
    <rPh sb="20" eb="21">
      <t>ムラ</t>
    </rPh>
    <rPh sb="22" eb="24">
      <t>セイネン</t>
    </rPh>
    <rPh sb="24" eb="27">
      <t>キョウギカイ</t>
    </rPh>
    <rPh sb="27" eb="29">
      <t>ホッソク</t>
    </rPh>
    <phoneticPr fontId="2"/>
  </si>
  <si>
    <t>那賀版　新生活運動最高潮へ　各村で料理コンクールなど</t>
    <rPh sb="0" eb="2">
      <t>ナガ</t>
    </rPh>
    <rPh sb="2" eb="3">
      <t>バン</t>
    </rPh>
    <rPh sb="4" eb="7">
      <t>シンセイカツ</t>
    </rPh>
    <rPh sb="7" eb="9">
      <t>ウンドウ</t>
    </rPh>
    <rPh sb="9" eb="12">
      <t>サイコウチョウ</t>
    </rPh>
    <rPh sb="14" eb="15">
      <t>カク</t>
    </rPh>
    <rPh sb="15" eb="16">
      <t>ムラ</t>
    </rPh>
    <rPh sb="17" eb="19">
      <t>リョウリ</t>
    </rPh>
    <phoneticPr fontId="2"/>
  </si>
  <si>
    <t>那賀版　ブラジルの温井さんから初の便り</t>
    <rPh sb="0" eb="2">
      <t>ナガ</t>
    </rPh>
    <rPh sb="2" eb="3">
      <t>バン</t>
    </rPh>
    <rPh sb="9" eb="11">
      <t>ヌクイ</t>
    </rPh>
    <rPh sb="15" eb="16">
      <t>ハツ</t>
    </rPh>
    <rPh sb="17" eb="18">
      <t>タヨ</t>
    </rPh>
    <phoneticPr fontId="2"/>
  </si>
  <si>
    <t>那賀版　農業講習所学生募集</t>
    <rPh sb="0" eb="2">
      <t>ナガ</t>
    </rPh>
    <rPh sb="2" eb="3">
      <t>バン</t>
    </rPh>
    <phoneticPr fontId="2"/>
  </si>
  <si>
    <t>那賀版　果樹園の裏なり防止は土壌改良から</t>
    <rPh sb="0" eb="2">
      <t>ナガ</t>
    </rPh>
    <rPh sb="2" eb="3">
      <t>バン</t>
    </rPh>
    <phoneticPr fontId="2"/>
  </si>
  <si>
    <t>伊都・橋本版　玉川林道全線復旧　橋本－高野を結ぶ動脈（写真）</t>
    <rPh sb="0" eb="2">
      <t>イト</t>
    </rPh>
    <rPh sb="3" eb="5">
      <t>ハシモト</t>
    </rPh>
    <rPh sb="5" eb="6">
      <t>バン</t>
    </rPh>
    <rPh sb="7" eb="9">
      <t>タマガワ</t>
    </rPh>
    <rPh sb="9" eb="11">
      <t>リンドウ</t>
    </rPh>
    <rPh sb="11" eb="13">
      <t>ゼンセン</t>
    </rPh>
    <rPh sb="13" eb="15">
      <t>フッキュウ</t>
    </rPh>
    <rPh sb="16" eb="18">
      <t>ハシモト</t>
    </rPh>
    <rPh sb="19" eb="21">
      <t>コウヤ</t>
    </rPh>
    <rPh sb="22" eb="23">
      <t>ムス</t>
    </rPh>
    <rPh sb="24" eb="26">
      <t>ドウミャク</t>
    </rPh>
    <rPh sb="27" eb="29">
      <t>シャシン</t>
    </rPh>
    <phoneticPr fontId="2"/>
  </si>
  <si>
    <t>伊都・橋本版　着々進む町村合併　伊都町誕生　笠田・大谷・四郷の合併　見好、天野も</t>
    <rPh sb="0" eb="2">
      <t>イト</t>
    </rPh>
    <rPh sb="3" eb="5">
      <t>ハシモト</t>
    </rPh>
    <rPh sb="5" eb="6">
      <t>バン</t>
    </rPh>
    <rPh sb="7" eb="9">
      <t>チャクチャク</t>
    </rPh>
    <rPh sb="9" eb="10">
      <t>スス</t>
    </rPh>
    <rPh sb="11" eb="13">
      <t>チョウソン</t>
    </rPh>
    <rPh sb="13" eb="15">
      <t>ガッペイ</t>
    </rPh>
    <rPh sb="16" eb="18">
      <t>イト</t>
    </rPh>
    <rPh sb="18" eb="19">
      <t>チョウ</t>
    </rPh>
    <rPh sb="19" eb="21">
      <t>タンジョウ</t>
    </rPh>
    <rPh sb="22" eb="24">
      <t>カセダ</t>
    </rPh>
    <rPh sb="25" eb="27">
      <t>オオタニ</t>
    </rPh>
    <rPh sb="28" eb="30">
      <t>シゴウ</t>
    </rPh>
    <rPh sb="31" eb="33">
      <t>ガッペイ</t>
    </rPh>
    <rPh sb="34" eb="35">
      <t>ミ</t>
    </rPh>
    <rPh sb="35" eb="36">
      <t>ヨシ</t>
    </rPh>
    <rPh sb="37" eb="39">
      <t>アマノ</t>
    </rPh>
    <phoneticPr fontId="2"/>
  </si>
  <si>
    <t>伊都・橋本版　農業改良生活改善普及員募集</t>
    <rPh sb="0" eb="2">
      <t>イト</t>
    </rPh>
    <rPh sb="3" eb="5">
      <t>ハシモト</t>
    </rPh>
    <rPh sb="5" eb="6">
      <t>バン</t>
    </rPh>
    <rPh sb="7" eb="9">
      <t>ノウギョウ</t>
    </rPh>
    <rPh sb="9" eb="11">
      <t>カイリョウ</t>
    </rPh>
    <rPh sb="11" eb="13">
      <t>セイカツ</t>
    </rPh>
    <rPh sb="13" eb="15">
      <t>カイゼン</t>
    </rPh>
    <rPh sb="15" eb="18">
      <t>フキュウイン</t>
    </rPh>
    <rPh sb="18" eb="20">
      <t>ボシュウ</t>
    </rPh>
    <phoneticPr fontId="2"/>
  </si>
  <si>
    <t>伊都・橋本版　新生活モデル村コンクール　隅田地区に知事賞　生活行事の合理化で県下一</t>
    <rPh sb="0" eb="2">
      <t>イト</t>
    </rPh>
    <rPh sb="3" eb="5">
      <t>ハシモト</t>
    </rPh>
    <rPh sb="5" eb="6">
      <t>バン</t>
    </rPh>
    <rPh sb="7" eb="10">
      <t>シンセイカツ</t>
    </rPh>
    <rPh sb="13" eb="14">
      <t>ムラ</t>
    </rPh>
    <rPh sb="20" eb="22">
      <t>スダ</t>
    </rPh>
    <rPh sb="22" eb="24">
      <t>チク</t>
    </rPh>
    <rPh sb="25" eb="28">
      <t>チジショウ</t>
    </rPh>
    <rPh sb="29" eb="31">
      <t>セイカツ</t>
    </rPh>
    <rPh sb="31" eb="33">
      <t>ギョウジ</t>
    </rPh>
    <rPh sb="34" eb="37">
      <t>ゴウリカ</t>
    </rPh>
    <rPh sb="38" eb="41">
      <t>ケンカイチ</t>
    </rPh>
    <phoneticPr fontId="2"/>
  </si>
  <si>
    <t>伊都・橋本版　各地で消防出初式（写真　橋本市における放水訓練）</t>
    <rPh sb="0" eb="2">
      <t>イト</t>
    </rPh>
    <rPh sb="3" eb="5">
      <t>ハシモト</t>
    </rPh>
    <rPh sb="5" eb="6">
      <t>バン</t>
    </rPh>
    <rPh sb="7" eb="9">
      <t>カクチ</t>
    </rPh>
    <rPh sb="10" eb="12">
      <t>ショウボウ</t>
    </rPh>
    <rPh sb="12" eb="15">
      <t>デゾメシキ</t>
    </rPh>
    <rPh sb="16" eb="18">
      <t>シャシン</t>
    </rPh>
    <rPh sb="19" eb="22">
      <t>ハシモトシ</t>
    </rPh>
    <rPh sb="26" eb="28">
      <t>ホウスイ</t>
    </rPh>
    <rPh sb="28" eb="30">
      <t>クンレン</t>
    </rPh>
    <phoneticPr fontId="2"/>
  </si>
  <si>
    <t>伊都・橋本版　お知らせ　保健所活動に新偉力　高野口保健所に映写機</t>
    <rPh sb="0" eb="2">
      <t>イト</t>
    </rPh>
    <rPh sb="3" eb="5">
      <t>ハシモト</t>
    </rPh>
    <rPh sb="5" eb="6">
      <t>バン</t>
    </rPh>
    <rPh sb="8" eb="9">
      <t>シ</t>
    </rPh>
    <rPh sb="12" eb="15">
      <t>ホケンジョ</t>
    </rPh>
    <rPh sb="15" eb="17">
      <t>カツドウ</t>
    </rPh>
    <rPh sb="18" eb="19">
      <t>シン</t>
    </rPh>
    <rPh sb="19" eb="21">
      <t>イリョク</t>
    </rPh>
    <rPh sb="22" eb="25">
      <t>コウヤグチ</t>
    </rPh>
    <rPh sb="25" eb="28">
      <t>ホケンジョ</t>
    </rPh>
    <rPh sb="29" eb="32">
      <t>エイシャキ</t>
    </rPh>
    <phoneticPr fontId="2"/>
  </si>
  <si>
    <t>伊都・橋本版　若人に結婚改善世調査開始</t>
    <rPh sb="0" eb="2">
      <t>イト</t>
    </rPh>
    <rPh sb="3" eb="5">
      <t>ハシモト</t>
    </rPh>
    <rPh sb="5" eb="6">
      <t>バン</t>
    </rPh>
    <rPh sb="7" eb="9">
      <t>ワコウド</t>
    </rPh>
    <rPh sb="10" eb="12">
      <t>ケッコン</t>
    </rPh>
    <rPh sb="12" eb="14">
      <t>カイゼン</t>
    </rPh>
    <rPh sb="14" eb="15">
      <t>セイ</t>
    </rPh>
    <rPh sb="15" eb="17">
      <t>チョウサ</t>
    </rPh>
    <rPh sb="17" eb="19">
      <t>カイシ</t>
    </rPh>
    <phoneticPr fontId="2"/>
  </si>
  <si>
    <t>伊都・橋本版　森林に保護計画</t>
    <rPh sb="0" eb="2">
      <t>イト</t>
    </rPh>
    <rPh sb="3" eb="5">
      <t>ハシモト</t>
    </rPh>
    <rPh sb="5" eb="6">
      <t>バン</t>
    </rPh>
    <rPh sb="7" eb="9">
      <t>シンリン</t>
    </rPh>
    <rPh sb="10" eb="12">
      <t>ホゴ</t>
    </rPh>
    <rPh sb="12" eb="14">
      <t>ケイカク</t>
    </rPh>
    <phoneticPr fontId="2"/>
  </si>
  <si>
    <t>伊都・橋本版　農業講習所学生募集</t>
    <rPh sb="0" eb="2">
      <t>イト</t>
    </rPh>
    <rPh sb="3" eb="5">
      <t>ハシモト</t>
    </rPh>
    <rPh sb="5" eb="6">
      <t>バン</t>
    </rPh>
    <phoneticPr fontId="2"/>
  </si>
  <si>
    <t>伊都・橋本版　果樹園の裏なり防止は土壌改良から</t>
    <rPh sb="0" eb="2">
      <t>イト</t>
    </rPh>
    <rPh sb="3" eb="5">
      <t>ハシモト</t>
    </rPh>
    <rPh sb="5" eb="6">
      <t>バン</t>
    </rPh>
    <phoneticPr fontId="2"/>
  </si>
  <si>
    <t>有田版　農協貯蓄　十一億円に迫る　目標達成で復旧促進へ</t>
    <rPh sb="0" eb="2">
      <t>アリダ</t>
    </rPh>
    <rPh sb="2" eb="3">
      <t>バン</t>
    </rPh>
    <rPh sb="4" eb="6">
      <t>ノウキョウ</t>
    </rPh>
    <rPh sb="6" eb="8">
      <t>チョチク</t>
    </rPh>
    <rPh sb="9" eb="11">
      <t>11</t>
    </rPh>
    <rPh sb="11" eb="13">
      <t>オクエン</t>
    </rPh>
    <rPh sb="14" eb="15">
      <t>セマ</t>
    </rPh>
    <rPh sb="17" eb="19">
      <t>モクヒョウ</t>
    </rPh>
    <rPh sb="19" eb="21">
      <t>タッセイ</t>
    </rPh>
    <rPh sb="22" eb="24">
      <t>フッキュウ</t>
    </rPh>
    <rPh sb="24" eb="26">
      <t>ソクシン</t>
    </rPh>
    <phoneticPr fontId="2"/>
  </si>
  <si>
    <t>有田版　各地の簡易上水道完成へ</t>
    <rPh sb="0" eb="2">
      <t>アリダ</t>
    </rPh>
    <rPh sb="2" eb="3">
      <t>バン</t>
    </rPh>
    <rPh sb="4" eb="6">
      <t>カクチ</t>
    </rPh>
    <rPh sb="7" eb="9">
      <t>カンイ</t>
    </rPh>
    <rPh sb="9" eb="12">
      <t>ジョウスイドウ</t>
    </rPh>
    <rPh sb="12" eb="14">
      <t>カンセイ</t>
    </rPh>
    <phoneticPr fontId="2"/>
  </si>
  <si>
    <t>有田版　住宅復旧すすむ　公営住宅など千五百戸（写真）</t>
    <rPh sb="0" eb="2">
      <t>アリダ</t>
    </rPh>
    <rPh sb="2" eb="3">
      <t>バン</t>
    </rPh>
    <rPh sb="4" eb="6">
      <t>ジュウタク</t>
    </rPh>
    <rPh sb="6" eb="8">
      <t>フッキュ</t>
    </rPh>
    <rPh sb="12" eb="14">
      <t>コウエイ</t>
    </rPh>
    <rPh sb="14" eb="16">
      <t>ジュウタク</t>
    </rPh>
    <rPh sb="18" eb="21">
      <t>1500</t>
    </rPh>
    <rPh sb="21" eb="22">
      <t>コ</t>
    </rPh>
    <rPh sb="23" eb="25">
      <t>シャシン</t>
    </rPh>
    <phoneticPr fontId="2"/>
  </si>
  <si>
    <t>有田版　金屋橋など近く完成（写真）</t>
    <rPh sb="0" eb="2">
      <t>アリダ</t>
    </rPh>
    <rPh sb="2" eb="3">
      <t>バン</t>
    </rPh>
    <rPh sb="4" eb="7">
      <t>カナヤバシ</t>
    </rPh>
    <rPh sb="9" eb="10">
      <t>チカ</t>
    </rPh>
    <rPh sb="11" eb="13">
      <t>カンセイ</t>
    </rPh>
    <rPh sb="14" eb="16">
      <t>シャシン</t>
    </rPh>
    <phoneticPr fontId="2"/>
  </si>
  <si>
    <t>有田版　農業改良生活改善普及員募集</t>
    <rPh sb="0" eb="2">
      <t>アリダ</t>
    </rPh>
    <rPh sb="2" eb="3">
      <t>バン</t>
    </rPh>
    <rPh sb="4" eb="6">
      <t>ノウギョウ</t>
    </rPh>
    <rPh sb="6" eb="8">
      <t>カイリョウ</t>
    </rPh>
    <rPh sb="8" eb="10">
      <t>セイカツ</t>
    </rPh>
    <rPh sb="10" eb="12">
      <t>カイゼン</t>
    </rPh>
    <rPh sb="12" eb="15">
      <t>フキュウイン</t>
    </rPh>
    <rPh sb="15" eb="17">
      <t>ボシュウ</t>
    </rPh>
    <phoneticPr fontId="2"/>
  </si>
  <si>
    <t>有田版　収穫のかげに揚水機完成への努力　八幡村（写真）</t>
    <rPh sb="0" eb="2">
      <t>アリダ</t>
    </rPh>
    <rPh sb="2" eb="3">
      <t>バン</t>
    </rPh>
    <rPh sb="4" eb="6">
      <t>シュウカク</t>
    </rPh>
    <rPh sb="10" eb="13">
      <t>ヨウスイキ</t>
    </rPh>
    <rPh sb="13" eb="15">
      <t>カンセイ</t>
    </rPh>
    <rPh sb="17" eb="19">
      <t>ドリョク</t>
    </rPh>
    <rPh sb="20" eb="22">
      <t>ハチマン</t>
    </rPh>
    <rPh sb="22" eb="23">
      <t>ムラ</t>
    </rPh>
    <rPh sb="24" eb="26">
      <t>シャシン</t>
    </rPh>
    <phoneticPr fontId="2"/>
  </si>
  <si>
    <t>有田版　今月の果樹園</t>
    <rPh sb="0" eb="2">
      <t>アリダ</t>
    </rPh>
    <rPh sb="2" eb="3">
      <t>バン</t>
    </rPh>
    <rPh sb="4" eb="6">
      <t>コンゲツ</t>
    </rPh>
    <rPh sb="7" eb="10">
      <t>カジュエン</t>
    </rPh>
    <phoneticPr fontId="2"/>
  </si>
  <si>
    <t>有田版　理想的な改善結婚</t>
    <rPh sb="0" eb="2">
      <t>アリダ</t>
    </rPh>
    <rPh sb="2" eb="3">
      <t>バン</t>
    </rPh>
    <rPh sb="4" eb="7">
      <t>リソウテキ</t>
    </rPh>
    <rPh sb="8" eb="10">
      <t>カイゼン</t>
    </rPh>
    <rPh sb="10" eb="12">
      <t>ケッコン</t>
    </rPh>
    <phoneticPr fontId="2"/>
  </si>
  <si>
    <t>有田版　農業講習所学生募集　</t>
    <rPh sb="0" eb="2">
      <t>アリダ</t>
    </rPh>
    <rPh sb="2" eb="3">
      <t>バン</t>
    </rPh>
    <phoneticPr fontId="2"/>
  </si>
  <si>
    <t>有田版　果樹園の裏なり防止は土壌改良から</t>
    <rPh sb="0" eb="2">
      <t>アリダ</t>
    </rPh>
    <rPh sb="2" eb="3">
      <t>バン</t>
    </rPh>
    <rPh sb="4" eb="6">
      <t>ノウキョウ</t>
    </rPh>
    <rPh sb="6" eb="8">
      <t>チョチク</t>
    </rPh>
    <rPh sb="9" eb="11">
      <t>11</t>
    </rPh>
    <rPh sb="11" eb="13">
      <t>オクエン</t>
    </rPh>
    <rPh sb="14" eb="15">
      <t>セマ</t>
    </rPh>
    <rPh sb="17" eb="19">
      <t>モクヒョウタッセイフッキュウソクシン</t>
    </rPh>
    <phoneticPr fontId="2"/>
  </si>
  <si>
    <t>日高・御坊版　３０年の夢実現　龍南線近く完成　山路郷 "足"の悩み解消へ（写真）</t>
    <rPh sb="0" eb="2">
      <t>ヒダカ</t>
    </rPh>
    <rPh sb="3" eb="5">
      <t>ゴボウ</t>
    </rPh>
    <rPh sb="5" eb="6">
      <t>バン</t>
    </rPh>
    <rPh sb="9" eb="10">
      <t>ネン</t>
    </rPh>
    <rPh sb="11" eb="12">
      <t>ユメ</t>
    </rPh>
    <rPh sb="12" eb="14">
      <t>ジツゲン</t>
    </rPh>
    <rPh sb="15" eb="16">
      <t>リュウ</t>
    </rPh>
    <rPh sb="16" eb="17">
      <t>ナン</t>
    </rPh>
    <rPh sb="17" eb="18">
      <t>セン</t>
    </rPh>
    <rPh sb="18" eb="19">
      <t>チカ</t>
    </rPh>
    <rPh sb="20" eb="22">
      <t>カンセイ</t>
    </rPh>
    <rPh sb="23" eb="25">
      <t>ヤマジ</t>
    </rPh>
    <rPh sb="25" eb="26">
      <t>キョウ</t>
    </rPh>
    <rPh sb="28" eb="29">
      <t>アシ</t>
    </rPh>
    <rPh sb="31" eb="32">
      <t>ナヤ</t>
    </rPh>
    <rPh sb="33" eb="35">
      <t>カイショウ</t>
    </rPh>
    <rPh sb="37" eb="39">
      <t>シャシン</t>
    </rPh>
    <phoneticPr fontId="2"/>
  </si>
  <si>
    <t>日高・御坊版　小野知事も出席して　美浜町出初式（写真）</t>
    <rPh sb="0" eb="2">
      <t>ヒダカ</t>
    </rPh>
    <rPh sb="3" eb="5">
      <t>ゴボウ</t>
    </rPh>
    <rPh sb="5" eb="6">
      <t>バン</t>
    </rPh>
    <rPh sb="7" eb="9">
      <t>オノ</t>
    </rPh>
    <rPh sb="9" eb="11">
      <t>チジ</t>
    </rPh>
    <rPh sb="12" eb="14">
      <t>シュッセキ</t>
    </rPh>
    <rPh sb="17" eb="20">
      <t>ミハマチョウ</t>
    </rPh>
    <rPh sb="20" eb="23">
      <t>デゾメシキ</t>
    </rPh>
    <rPh sb="24" eb="26">
      <t>シャシン</t>
    </rPh>
    <phoneticPr fontId="2"/>
  </si>
  <si>
    <t>日高・御坊版　各地に上水道施設　主婦たちに大好評</t>
    <rPh sb="0" eb="2">
      <t>ヒダカ</t>
    </rPh>
    <rPh sb="3" eb="5">
      <t>ゴボウ</t>
    </rPh>
    <rPh sb="5" eb="6">
      <t>バン</t>
    </rPh>
    <rPh sb="7" eb="9">
      <t>カクチ</t>
    </rPh>
    <rPh sb="10" eb="13">
      <t>ジョウスイドウ</t>
    </rPh>
    <rPh sb="13" eb="15">
      <t>シセツ</t>
    </rPh>
    <rPh sb="16" eb="18">
      <t>シュフ</t>
    </rPh>
    <rPh sb="21" eb="24">
      <t>ダイコウヒョウ</t>
    </rPh>
    <phoneticPr fontId="2"/>
  </si>
  <si>
    <t>日高・御坊版　日高浦一帯に魚のアパート　コンクリートの魚礁も建設（写真　沈められて魚のアパートとなる古船）</t>
    <rPh sb="0" eb="2">
      <t>ヒダカ</t>
    </rPh>
    <rPh sb="3" eb="5">
      <t>ゴボウ</t>
    </rPh>
    <rPh sb="5" eb="6">
      <t>バン</t>
    </rPh>
    <rPh sb="7" eb="9">
      <t>ヒダカ</t>
    </rPh>
    <rPh sb="9" eb="10">
      <t>ウラ</t>
    </rPh>
    <rPh sb="10" eb="12">
      <t>イッタイ</t>
    </rPh>
    <rPh sb="13" eb="14">
      <t>サカナ</t>
    </rPh>
    <rPh sb="27" eb="29">
      <t>ギョショウ</t>
    </rPh>
    <rPh sb="30" eb="32">
      <t>ケンセツ</t>
    </rPh>
    <rPh sb="33" eb="35">
      <t>シャシン</t>
    </rPh>
    <rPh sb="36" eb="37">
      <t>シズ</t>
    </rPh>
    <rPh sb="41" eb="42">
      <t>サカナ</t>
    </rPh>
    <rPh sb="50" eb="51">
      <t>フル</t>
    </rPh>
    <rPh sb="51" eb="52">
      <t>フネ</t>
    </rPh>
    <phoneticPr fontId="2"/>
  </si>
  <si>
    <t>日高・御坊版　水害記念林　川中村に五町歩植林</t>
    <rPh sb="0" eb="2">
      <t>ヒダカ</t>
    </rPh>
    <rPh sb="3" eb="5">
      <t>ゴボウ</t>
    </rPh>
    <rPh sb="5" eb="6">
      <t>バン</t>
    </rPh>
    <rPh sb="7" eb="9">
      <t>スイガイ</t>
    </rPh>
    <rPh sb="9" eb="11">
      <t>キネン</t>
    </rPh>
    <rPh sb="11" eb="12">
      <t>リン</t>
    </rPh>
    <rPh sb="13" eb="15">
      <t>カワナカ</t>
    </rPh>
    <rPh sb="15" eb="16">
      <t>ムラ</t>
    </rPh>
    <rPh sb="17" eb="18">
      <t>5</t>
    </rPh>
    <rPh sb="18" eb="19">
      <t>チョウ</t>
    </rPh>
    <rPh sb="19" eb="20">
      <t>ホ</t>
    </rPh>
    <rPh sb="20" eb="22">
      <t>ショクリン</t>
    </rPh>
    <phoneticPr fontId="2"/>
  </si>
  <si>
    <t>日高・御坊版　由良町に温泉</t>
    <rPh sb="0" eb="2">
      <t>ヒダカ</t>
    </rPh>
    <rPh sb="3" eb="5">
      <t>ゴボウ</t>
    </rPh>
    <rPh sb="5" eb="6">
      <t>バン</t>
    </rPh>
    <rPh sb="7" eb="10">
      <t>ユラチョウ</t>
    </rPh>
    <rPh sb="11" eb="13">
      <t>オンセン</t>
    </rPh>
    <phoneticPr fontId="2"/>
  </si>
  <si>
    <t>日高・御坊版　実を結んだ三年間の苦闘　計画を上回る由良町開墾地の成績（写真　一昨年植え付けたブドウ畑）</t>
    <rPh sb="0" eb="2">
      <t>ヒダカ</t>
    </rPh>
    <rPh sb="3" eb="5">
      <t>ゴボウ</t>
    </rPh>
    <rPh sb="5" eb="6">
      <t>バン</t>
    </rPh>
    <rPh sb="7" eb="8">
      <t>ミ</t>
    </rPh>
    <rPh sb="9" eb="10">
      <t>ムス</t>
    </rPh>
    <rPh sb="12" eb="13">
      <t>3</t>
    </rPh>
    <rPh sb="13" eb="15">
      <t>ネンカン</t>
    </rPh>
    <rPh sb="16" eb="18">
      <t>クトウ</t>
    </rPh>
    <rPh sb="19" eb="21">
      <t>ケイカク</t>
    </rPh>
    <rPh sb="22" eb="24">
      <t>ウワマワ</t>
    </rPh>
    <rPh sb="25" eb="28">
      <t>ユラチョウ</t>
    </rPh>
    <rPh sb="28" eb="31">
      <t>カイコンチ</t>
    </rPh>
    <rPh sb="32" eb="34">
      <t>セイセキ</t>
    </rPh>
    <rPh sb="35" eb="37">
      <t>シャシン</t>
    </rPh>
    <rPh sb="38" eb="41">
      <t>オトトシ</t>
    </rPh>
    <rPh sb="41" eb="42">
      <t>ウ</t>
    </rPh>
    <rPh sb="43" eb="44">
      <t>ツ</t>
    </rPh>
    <rPh sb="49" eb="50">
      <t>ハタケ</t>
    </rPh>
    <phoneticPr fontId="2"/>
  </si>
  <si>
    <t>日高・御坊版　水害の不安消える　日高川護岸工事九割まで完成（写真　完成した御坊市野口付近の新堤防）</t>
    <rPh sb="0" eb="2">
      <t>ヒダカ</t>
    </rPh>
    <rPh sb="3" eb="5">
      <t>ゴボウ</t>
    </rPh>
    <rPh sb="5" eb="6">
      <t>バン</t>
    </rPh>
    <rPh sb="7" eb="9">
      <t>スイガイ</t>
    </rPh>
    <rPh sb="10" eb="12">
      <t>フアン</t>
    </rPh>
    <rPh sb="12" eb="13">
      <t>キ</t>
    </rPh>
    <rPh sb="16" eb="19">
      <t>ヒダカガワ</t>
    </rPh>
    <rPh sb="19" eb="21">
      <t>ゴガン</t>
    </rPh>
    <rPh sb="21" eb="23">
      <t>コウジ</t>
    </rPh>
    <rPh sb="23" eb="24">
      <t>9</t>
    </rPh>
    <rPh sb="24" eb="25">
      <t>ワリ</t>
    </rPh>
    <rPh sb="27" eb="29">
      <t>カンセイ</t>
    </rPh>
    <rPh sb="30" eb="32">
      <t>シャシン</t>
    </rPh>
    <rPh sb="33" eb="35">
      <t>カンセイ</t>
    </rPh>
    <rPh sb="37" eb="40">
      <t>ゴボウシ</t>
    </rPh>
    <rPh sb="40" eb="42">
      <t>ノグチ</t>
    </rPh>
    <rPh sb="42" eb="44">
      <t>フキン</t>
    </rPh>
    <rPh sb="45" eb="46">
      <t>シン</t>
    </rPh>
    <rPh sb="46" eb="48">
      <t>テイボウ</t>
    </rPh>
    <phoneticPr fontId="2"/>
  </si>
  <si>
    <t>日高・御坊版　新生活運動推進連絡協議会誕生</t>
    <rPh sb="0" eb="2">
      <t>ヒダカ</t>
    </rPh>
    <rPh sb="3" eb="5">
      <t>ゴボウ</t>
    </rPh>
    <rPh sb="5" eb="6">
      <t>バン</t>
    </rPh>
    <rPh sb="7" eb="10">
      <t>シンセイカツ</t>
    </rPh>
    <rPh sb="10" eb="12">
      <t>ウンドウ</t>
    </rPh>
    <rPh sb="12" eb="14">
      <t>スイシン</t>
    </rPh>
    <rPh sb="14" eb="16">
      <t>レンラク</t>
    </rPh>
    <rPh sb="16" eb="19">
      <t>キョウギカイ</t>
    </rPh>
    <rPh sb="19" eb="21">
      <t>タンジョウ</t>
    </rPh>
    <phoneticPr fontId="2"/>
  </si>
  <si>
    <t>日高・御坊版　各地で進む砂防工事　完成後は速やかに造林を　迫間日高地方事務所長談</t>
    <rPh sb="0" eb="2">
      <t>ヒダカ</t>
    </rPh>
    <rPh sb="3" eb="5">
      <t>ゴボウ</t>
    </rPh>
    <rPh sb="5" eb="6">
      <t>バン</t>
    </rPh>
    <rPh sb="7" eb="9">
      <t>カクチ</t>
    </rPh>
    <rPh sb="10" eb="11">
      <t>スス</t>
    </rPh>
    <rPh sb="12" eb="14">
      <t>サボウ</t>
    </rPh>
    <rPh sb="14" eb="16">
      <t>コウジ</t>
    </rPh>
    <rPh sb="17" eb="20">
      <t>カンセイゴ</t>
    </rPh>
    <rPh sb="21" eb="22">
      <t>スミ</t>
    </rPh>
    <rPh sb="25" eb="27">
      <t>ゾウリン</t>
    </rPh>
    <rPh sb="29" eb="31">
      <t>サコマ</t>
    </rPh>
    <rPh sb="31" eb="33">
      <t>ヒダカ</t>
    </rPh>
    <rPh sb="33" eb="35">
      <t>チホウ</t>
    </rPh>
    <rPh sb="35" eb="37">
      <t>ジム</t>
    </rPh>
    <rPh sb="37" eb="39">
      <t>ショチョウ</t>
    </rPh>
    <rPh sb="39" eb="40">
      <t>ダン</t>
    </rPh>
    <phoneticPr fontId="2"/>
  </si>
  <si>
    <t>日高・御坊版　天狗連競う　二月下旬に競猟会開催</t>
    <rPh sb="0" eb="2">
      <t>ヒダカ</t>
    </rPh>
    <rPh sb="3" eb="5">
      <t>ゴボウ</t>
    </rPh>
    <rPh sb="5" eb="6">
      <t>バン</t>
    </rPh>
    <rPh sb="7" eb="9">
      <t>テング</t>
    </rPh>
    <rPh sb="9" eb="10">
      <t>レン</t>
    </rPh>
    <rPh sb="10" eb="11">
      <t>キソ</t>
    </rPh>
    <rPh sb="13" eb="14">
      <t>2</t>
    </rPh>
    <rPh sb="14" eb="15">
      <t>ガツ</t>
    </rPh>
    <rPh sb="15" eb="17">
      <t>ゲジュン</t>
    </rPh>
    <rPh sb="18" eb="20">
      <t>キョウリョウ</t>
    </rPh>
    <rPh sb="20" eb="21">
      <t>カイ</t>
    </rPh>
    <rPh sb="21" eb="23">
      <t>カイサイ</t>
    </rPh>
    <phoneticPr fontId="2"/>
  </si>
  <si>
    <t>日高・御坊版　農業講習所学生募集</t>
    <rPh sb="0" eb="2">
      <t>ヒダカ</t>
    </rPh>
    <rPh sb="3" eb="5">
      <t>ゴボウ</t>
    </rPh>
    <rPh sb="5" eb="6">
      <t>バン</t>
    </rPh>
    <phoneticPr fontId="2"/>
  </si>
  <si>
    <t>日高・御坊版　果樹園の裏なり防止は土壌改良から</t>
    <rPh sb="0" eb="2">
      <t>ヒダカ</t>
    </rPh>
    <rPh sb="3" eb="5">
      <t>ゴボウ</t>
    </rPh>
    <rPh sb="5" eb="6">
      <t>バン</t>
    </rPh>
    <phoneticPr fontId="2"/>
  </si>
  <si>
    <t>西牟婁・田辺版　大辺路　暖地農業で飛躍的発展へ　八ヵ町村で協力に振興（写真　花弁の暖地促成栽培）</t>
    <rPh sb="0" eb="3">
      <t>ニシムロ</t>
    </rPh>
    <rPh sb="4" eb="6">
      <t>タナベ</t>
    </rPh>
    <rPh sb="6" eb="7">
      <t>バン</t>
    </rPh>
    <rPh sb="8" eb="11">
      <t>オオヘジ</t>
    </rPh>
    <rPh sb="12" eb="14">
      <t>ダンチ</t>
    </rPh>
    <rPh sb="14" eb="16">
      <t>ノウギョウ</t>
    </rPh>
    <rPh sb="17" eb="20">
      <t>ヒヤクテキ</t>
    </rPh>
    <rPh sb="20" eb="22">
      <t>ハッテン</t>
    </rPh>
    <rPh sb="24" eb="25">
      <t>8</t>
    </rPh>
    <rPh sb="26" eb="28">
      <t>チョウソン</t>
    </rPh>
    <rPh sb="29" eb="31">
      <t>キョウリョク</t>
    </rPh>
    <rPh sb="32" eb="34">
      <t>シンコウ</t>
    </rPh>
    <rPh sb="35" eb="37">
      <t>シャシン</t>
    </rPh>
    <rPh sb="38" eb="40">
      <t>カベン</t>
    </rPh>
    <rPh sb="41" eb="43">
      <t>ダンチ</t>
    </rPh>
    <rPh sb="43" eb="45">
      <t>ソクセイ</t>
    </rPh>
    <rPh sb="45" eb="47">
      <t>サイバイ</t>
    </rPh>
    <phoneticPr fontId="2"/>
  </si>
  <si>
    <t>西牟婁・田辺版　進む町村合併　周参見町など三月に新発足</t>
    <rPh sb="0" eb="3">
      <t>ニシムロ</t>
    </rPh>
    <rPh sb="4" eb="6">
      <t>タナベ</t>
    </rPh>
    <rPh sb="6" eb="7">
      <t>バン</t>
    </rPh>
    <rPh sb="8" eb="9">
      <t>スス</t>
    </rPh>
    <rPh sb="10" eb="12">
      <t>チョウソン</t>
    </rPh>
    <rPh sb="12" eb="14">
      <t>ガッペイ</t>
    </rPh>
    <rPh sb="15" eb="18">
      <t>スサミ</t>
    </rPh>
    <rPh sb="18" eb="19">
      <t>マチ</t>
    </rPh>
    <rPh sb="21" eb="22">
      <t>3</t>
    </rPh>
    <rPh sb="22" eb="23">
      <t>ガツ</t>
    </rPh>
    <rPh sb="24" eb="25">
      <t>シン</t>
    </rPh>
    <rPh sb="25" eb="27">
      <t>ホッソク</t>
    </rPh>
    <phoneticPr fontId="2"/>
  </si>
  <si>
    <t>西牟婁・田辺版　待ってました　待望の会津児童公園完成（写真）</t>
    <rPh sb="0" eb="3">
      <t>ニシムロ</t>
    </rPh>
    <rPh sb="4" eb="6">
      <t>タナベ</t>
    </rPh>
    <rPh sb="6" eb="7">
      <t>バン</t>
    </rPh>
    <rPh sb="8" eb="9">
      <t>マ</t>
    </rPh>
    <rPh sb="15" eb="17">
      <t>タイボウ</t>
    </rPh>
    <rPh sb="18" eb="20">
      <t>アイヅ</t>
    </rPh>
    <rPh sb="20" eb="22">
      <t>ジドウ</t>
    </rPh>
    <rPh sb="22" eb="24">
      <t>コウエン</t>
    </rPh>
    <rPh sb="24" eb="26">
      <t>カンセイ</t>
    </rPh>
    <rPh sb="27" eb="29">
      <t>シャシン</t>
    </rPh>
    <phoneticPr fontId="2"/>
  </si>
  <si>
    <t>西牟婁・田辺版　不動産取得税の申告</t>
    <rPh sb="0" eb="3">
      <t>ニシムロ</t>
    </rPh>
    <rPh sb="4" eb="6">
      <t>タナベ</t>
    </rPh>
    <rPh sb="6" eb="7">
      <t>バン</t>
    </rPh>
    <rPh sb="8" eb="11">
      <t>フドウサン</t>
    </rPh>
    <rPh sb="11" eb="14">
      <t>シュトクゼイ</t>
    </rPh>
    <rPh sb="15" eb="17">
      <t>シンコク</t>
    </rPh>
    <phoneticPr fontId="2"/>
  </si>
  <si>
    <t>西牟婁・田辺版　この声を聞け（明洋中学三年　小倉恭）</t>
    <rPh sb="0" eb="3">
      <t>ニシムロ</t>
    </rPh>
    <rPh sb="4" eb="6">
      <t>タナベ</t>
    </rPh>
    <rPh sb="6" eb="7">
      <t>バン</t>
    </rPh>
    <rPh sb="10" eb="11">
      <t>コエ</t>
    </rPh>
    <rPh sb="12" eb="13">
      <t>キ</t>
    </rPh>
    <rPh sb="15" eb="17">
      <t>メイヨウ</t>
    </rPh>
    <rPh sb="17" eb="19">
      <t>チュウガク</t>
    </rPh>
    <rPh sb="19" eb="20">
      <t>3</t>
    </rPh>
    <rPh sb="20" eb="21">
      <t>ネン</t>
    </rPh>
    <rPh sb="22" eb="24">
      <t>オグラ</t>
    </rPh>
    <rPh sb="24" eb="25">
      <t>キョウ</t>
    </rPh>
    <phoneticPr fontId="2"/>
  </si>
  <si>
    <t>西牟婁・田辺版　農業改良生活改善普及員募集</t>
    <rPh sb="0" eb="3">
      <t>ニシムロ</t>
    </rPh>
    <rPh sb="4" eb="6">
      <t>タナベ</t>
    </rPh>
    <rPh sb="6" eb="7">
      <t>バン</t>
    </rPh>
    <rPh sb="8" eb="10">
      <t>ノウギョウ</t>
    </rPh>
    <rPh sb="10" eb="12">
      <t>カイリョウ</t>
    </rPh>
    <rPh sb="12" eb="14">
      <t>セイカツ</t>
    </rPh>
    <rPh sb="14" eb="16">
      <t>カイゼン</t>
    </rPh>
    <rPh sb="16" eb="19">
      <t>フキュウイン</t>
    </rPh>
    <rPh sb="19" eb="21">
      <t>ボシュウ</t>
    </rPh>
    <phoneticPr fontId="2"/>
  </si>
  <si>
    <t>西牟婁・田辺版　十万人の署名を　新生活運動着々進む</t>
    <rPh sb="0" eb="3">
      <t>ニシムロ</t>
    </rPh>
    <rPh sb="4" eb="6">
      <t>タナベ</t>
    </rPh>
    <rPh sb="6" eb="7">
      <t>バン</t>
    </rPh>
    <rPh sb="8" eb="9">
      <t>10</t>
    </rPh>
    <rPh sb="9" eb="11">
      <t>マンニン</t>
    </rPh>
    <rPh sb="12" eb="14">
      <t>ショメイ</t>
    </rPh>
    <rPh sb="16" eb="19">
      <t>シンセイカツ</t>
    </rPh>
    <rPh sb="19" eb="21">
      <t>ウンドウ</t>
    </rPh>
    <rPh sb="21" eb="23">
      <t>チャクチャク</t>
    </rPh>
    <rPh sb="23" eb="24">
      <t>スス</t>
    </rPh>
    <phoneticPr fontId="2"/>
  </si>
  <si>
    <t>西牟婁・田辺版　さし木で杉苗　活着率９５％　生育も早い　沼田林務課長談　（写真　満一年後の杉のさし木苗）</t>
    <rPh sb="0" eb="3">
      <t>ニシムロ</t>
    </rPh>
    <rPh sb="4" eb="6">
      <t>タナベ</t>
    </rPh>
    <rPh sb="6" eb="7">
      <t>バン</t>
    </rPh>
    <rPh sb="10" eb="11">
      <t>キ</t>
    </rPh>
    <rPh sb="12" eb="13">
      <t>スギ</t>
    </rPh>
    <rPh sb="13" eb="14">
      <t>ナエ</t>
    </rPh>
    <rPh sb="15" eb="18">
      <t>カッチャクリツ</t>
    </rPh>
    <rPh sb="22" eb="24">
      <t>セイイク</t>
    </rPh>
    <rPh sb="25" eb="26">
      <t>ハヤ</t>
    </rPh>
    <rPh sb="28" eb="30">
      <t>ヌマタ</t>
    </rPh>
    <rPh sb="30" eb="32">
      <t>リンム</t>
    </rPh>
    <rPh sb="32" eb="34">
      <t>カチョウ</t>
    </rPh>
    <rPh sb="34" eb="35">
      <t>ダン</t>
    </rPh>
    <rPh sb="37" eb="39">
      <t>シャシン</t>
    </rPh>
    <rPh sb="40" eb="41">
      <t>マン</t>
    </rPh>
    <rPh sb="41" eb="42">
      <t>イチ</t>
    </rPh>
    <rPh sb="42" eb="44">
      <t>ネンゴ</t>
    </rPh>
    <rPh sb="45" eb="46">
      <t>スギ</t>
    </rPh>
    <rPh sb="49" eb="50">
      <t>キ</t>
    </rPh>
    <rPh sb="50" eb="51">
      <t>ビョウ</t>
    </rPh>
    <phoneticPr fontId="2"/>
  </si>
  <si>
    <t>西牟婁・田辺版　国保高まる利用率　新たに六ヵ町村で準備</t>
    <rPh sb="0" eb="3">
      <t>ニシムロ</t>
    </rPh>
    <rPh sb="4" eb="6">
      <t>タナベ</t>
    </rPh>
    <rPh sb="6" eb="7">
      <t>バン</t>
    </rPh>
    <rPh sb="8" eb="10">
      <t>コクホ</t>
    </rPh>
    <rPh sb="10" eb="11">
      <t>タカ</t>
    </rPh>
    <rPh sb="13" eb="16">
      <t>リヨウリツ</t>
    </rPh>
    <rPh sb="17" eb="18">
      <t>アラ</t>
    </rPh>
    <rPh sb="20" eb="21">
      <t>6</t>
    </rPh>
    <rPh sb="22" eb="24">
      <t>チョウソン</t>
    </rPh>
    <rPh sb="25" eb="27">
      <t>ジュンビ</t>
    </rPh>
    <phoneticPr fontId="2"/>
  </si>
  <si>
    <t>西牟婁・田辺版　農業講習所学生募集</t>
    <rPh sb="0" eb="3">
      <t>ニシムロ</t>
    </rPh>
    <rPh sb="4" eb="6">
      <t>タナベ</t>
    </rPh>
    <rPh sb="6" eb="7">
      <t>バン</t>
    </rPh>
    <phoneticPr fontId="2"/>
  </si>
  <si>
    <t>西牟婁・田辺版　果樹園の裏なり防止は土壌改良から</t>
    <rPh sb="0" eb="3">
      <t>ニシムロ</t>
    </rPh>
    <rPh sb="4" eb="6">
      <t>タナベ</t>
    </rPh>
    <rPh sb="6" eb="7">
      <t>バン</t>
    </rPh>
    <phoneticPr fontId="2"/>
  </si>
  <si>
    <t>東牟婁・新宮版　全郡に移民熱高まる　高田村に分村計画　南米へ第二の村建設めざす</t>
    <rPh sb="0" eb="3">
      <t>ヒガシムロ</t>
    </rPh>
    <rPh sb="4" eb="6">
      <t>シングウ</t>
    </rPh>
    <rPh sb="6" eb="7">
      <t>バン</t>
    </rPh>
    <rPh sb="8" eb="9">
      <t>ゼン</t>
    </rPh>
    <rPh sb="9" eb="10">
      <t>グン</t>
    </rPh>
    <rPh sb="11" eb="13">
      <t>イミン</t>
    </rPh>
    <rPh sb="13" eb="14">
      <t>ネツ</t>
    </rPh>
    <rPh sb="14" eb="15">
      <t>タカ</t>
    </rPh>
    <rPh sb="18" eb="20">
      <t>タカダ</t>
    </rPh>
    <rPh sb="20" eb="21">
      <t>ムラ</t>
    </rPh>
    <rPh sb="22" eb="23">
      <t>ブン</t>
    </rPh>
    <rPh sb="23" eb="24">
      <t>ムラ</t>
    </rPh>
    <rPh sb="24" eb="26">
      <t>ケイカク</t>
    </rPh>
    <rPh sb="27" eb="29">
      <t>ナンベイ</t>
    </rPh>
    <rPh sb="30" eb="32">
      <t>ダイニ</t>
    </rPh>
    <rPh sb="33" eb="34">
      <t>ムラ</t>
    </rPh>
    <rPh sb="34" eb="36">
      <t>ケンセツ</t>
    </rPh>
    <phoneticPr fontId="2"/>
  </si>
  <si>
    <t>東牟婁・新宮版　町村めぐり　太田村の巻</t>
    <rPh sb="0" eb="3">
      <t>ヒガシムロ</t>
    </rPh>
    <rPh sb="4" eb="6">
      <t>シングウ</t>
    </rPh>
    <rPh sb="6" eb="7">
      <t>バン</t>
    </rPh>
    <rPh sb="8" eb="10">
      <t>チョウソン</t>
    </rPh>
    <rPh sb="14" eb="16">
      <t>オオタ</t>
    </rPh>
    <rPh sb="16" eb="17">
      <t>ムラ</t>
    </rPh>
    <rPh sb="18" eb="19">
      <t>マキ</t>
    </rPh>
    <phoneticPr fontId="2"/>
  </si>
  <si>
    <t>東牟婁・新宮版　三千町歩を造林　地方事務所と市で計画</t>
    <rPh sb="0" eb="3">
      <t>ヒガシムロ</t>
    </rPh>
    <rPh sb="4" eb="6">
      <t>シングウ</t>
    </rPh>
    <rPh sb="6" eb="7">
      <t>バン</t>
    </rPh>
    <rPh sb="8" eb="10">
      <t>3000</t>
    </rPh>
    <rPh sb="10" eb="12">
      <t>チョウホ</t>
    </rPh>
    <rPh sb="13" eb="15">
      <t>ゾウリン</t>
    </rPh>
    <rPh sb="16" eb="18">
      <t>チホウ</t>
    </rPh>
    <rPh sb="18" eb="21">
      <t>ジムショ</t>
    </rPh>
    <rPh sb="22" eb="23">
      <t>シ</t>
    </rPh>
    <rPh sb="24" eb="26">
      <t>ケイカク</t>
    </rPh>
    <phoneticPr fontId="2"/>
  </si>
  <si>
    <t>東牟婁・新宮版　新宮停車場線の舗装なる（写真）</t>
    <rPh sb="0" eb="3">
      <t>ヒガシムロ</t>
    </rPh>
    <rPh sb="4" eb="6">
      <t>シングウ</t>
    </rPh>
    <rPh sb="6" eb="7">
      <t>バン</t>
    </rPh>
    <rPh sb="8" eb="10">
      <t>シングウ</t>
    </rPh>
    <rPh sb="10" eb="13">
      <t>テイシャジョウ</t>
    </rPh>
    <rPh sb="13" eb="14">
      <t>セン</t>
    </rPh>
    <rPh sb="15" eb="17">
      <t>ホソウ</t>
    </rPh>
    <rPh sb="20" eb="22">
      <t>シャシン</t>
    </rPh>
    <phoneticPr fontId="2"/>
  </si>
  <si>
    <t>東牟婁・新宮版　乳児の死亡率ゼロ　活躍する宇久井村愛育班</t>
    <rPh sb="0" eb="3">
      <t>ヒガシムロ</t>
    </rPh>
    <rPh sb="4" eb="6">
      <t>シングウ</t>
    </rPh>
    <rPh sb="6" eb="7">
      <t>バン</t>
    </rPh>
    <rPh sb="8" eb="10">
      <t>ニュウジ</t>
    </rPh>
    <rPh sb="11" eb="14">
      <t>シボウリツ</t>
    </rPh>
    <rPh sb="17" eb="19">
      <t>カツヤク</t>
    </rPh>
    <rPh sb="21" eb="24">
      <t>ウグイ</t>
    </rPh>
    <rPh sb="24" eb="25">
      <t>ムラ</t>
    </rPh>
    <rPh sb="25" eb="27">
      <t>アイイク</t>
    </rPh>
    <rPh sb="27" eb="28">
      <t>ハン</t>
    </rPh>
    <phoneticPr fontId="2"/>
  </si>
  <si>
    <t>東牟婁・新宮版　温泉つき養老院湯川園をみる（写真　湯川園全景）</t>
    <rPh sb="0" eb="3">
      <t>ヒガシムロ</t>
    </rPh>
    <rPh sb="4" eb="6">
      <t>シングウ</t>
    </rPh>
    <rPh sb="6" eb="7">
      <t>バン</t>
    </rPh>
    <rPh sb="8" eb="10">
      <t>オンセン</t>
    </rPh>
    <rPh sb="12" eb="14">
      <t>ヨウロウ</t>
    </rPh>
    <rPh sb="14" eb="15">
      <t>イン</t>
    </rPh>
    <rPh sb="15" eb="17">
      <t>ユカワ</t>
    </rPh>
    <rPh sb="17" eb="18">
      <t>エン</t>
    </rPh>
    <rPh sb="22" eb="24">
      <t>シャシン</t>
    </rPh>
    <rPh sb="25" eb="27">
      <t>ユカワ</t>
    </rPh>
    <rPh sb="27" eb="28">
      <t>エン</t>
    </rPh>
    <rPh sb="28" eb="30">
      <t>ゼンケイ</t>
    </rPh>
    <phoneticPr fontId="2"/>
  </si>
  <si>
    <t>東牟婁・新宮版　農業改良生活改善普及員募集</t>
    <rPh sb="0" eb="3">
      <t>ヒガシムロ</t>
    </rPh>
    <rPh sb="4" eb="6">
      <t>シングウ</t>
    </rPh>
    <rPh sb="6" eb="7">
      <t>バン</t>
    </rPh>
    <rPh sb="8" eb="10">
      <t>ノウギョウ</t>
    </rPh>
    <rPh sb="10" eb="12">
      <t>カイリョウ</t>
    </rPh>
    <rPh sb="12" eb="14">
      <t>セイカツ</t>
    </rPh>
    <rPh sb="14" eb="16">
      <t>カイゼン</t>
    </rPh>
    <rPh sb="16" eb="19">
      <t>フキュウイン</t>
    </rPh>
    <rPh sb="19" eb="21">
      <t>ボシュウ</t>
    </rPh>
    <phoneticPr fontId="2"/>
  </si>
  <si>
    <t>東牟婁・新宮版　８４０石の増産　湿田地の改良工事はじまる</t>
    <rPh sb="0" eb="3">
      <t>ヒガシムロ</t>
    </rPh>
    <rPh sb="4" eb="6">
      <t>シングウ</t>
    </rPh>
    <rPh sb="6" eb="7">
      <t>バン</t>
    </rPh>
    <rPh sb="11" eb="12">
      <t>セキ</t>
    </rPh>
    <rPh sb="13" eb="15">
      <t>ゾウサン</t>
    </rPh>
    <rPh sb="16" eb="17">
      <t>シツ</t>
    </rPh>
    <rPh sb="17" eb="18">
      <t>デン</t>
    </rPh>
    <rPh sb="18" eb="19">
      <t>チ</t>
    </rPh>
    <rPh sb="20" eb="22">
      <t>カイリョウ</t>
    </rPh>
    <rPh sb="22" eb="24">
      <t>コウジ</t>
    </rPh>
    <phoneticPr fontId="2"/>
  </si>
  <si>
    <t>東牟婁・新宮版　農業講習所学生募集</t>
    <rPh sb="0" eb="3">
      <t>ヒガシムロ</t>
    </rPh>
    <rPh sb="4" eb="6">
      <t>シングウ</t>
    </rPh>
    <rPh sb="6" eb="7">
      <t>バン</t>
    </rPh>
    <phoneticPr fontId="2"/>
  </si>
  <si>
    <t>東牟婁・新宮版　果樹園の裏なり防止は土壌改良から</t>
    <rPh sb="0" eb="3">
      <t>ヒガシムロ</t>
    </rPh>
    <rPh sb="4" eb="6">
      <t>シングウ</t>
    </rPh>
    <rPh sb="6" eb="7">
      <t>バン</t>
    </rPh>
    <phoneticPr fontId="2"/>
  </si>
  <si>
    <t>自力再建県民運動一ヵ年の回顧　和歌山県知事　小野真次</t>
    <rPh sb="0" eb="2">
      <t>ジリキ</t>
    </rPh>
    <rPh sb="2" eb="4">
      <t>サイケン</t>
    </rPh>
    <rPh sb="4" eb="6">
      <t>ケンミン</t>
    </rPh>
    <rPh sb="6" eb="8">
      <t>ウンドウ</t>
    </rPh>
    <rPh sb="8" eb="9">
      <t>イッ</t>
    </rPh>
    <rPh sb="10" eb="11">
      <t>ネン</t>
    </rPh>
    <rPh sb="12" eb="14">
      <t>カイコ</t>
    </rPh>
    <rPh sb="15" eb="19">
      <t>ワカヤマケン</t>
    </rPh>
    <rPh sb="19" eb="21">
      <t>チジ</t>
    </rPh>
    <rPh sb="22" eb="24">
      <t>オノ</t>
    </rPh>
    <rPh sb="24" eb="26">
      <t>シンジ</t>
    </rPh>
    <phoneticPr fontId="2"/>
  </si>
  <si>
    <t>任期最終をかざる二月県議会開幕　四月改選をひかえて　肉づけは六月県議会で　分譲住宅建設費　国庫　医大に進学課程</t>
    <rPh sb="0" eb="2">
      <t>ニンキ</t>
    </rPh>
    <rPh sb="2" eb="4">
      <t>サイシュウ</t>
    </rPh>
    <rPh sb="8" eb="9">
      <t>2</t>
    </rPh>
    <rPh sb="9" eb="10">
      <t>ガツ</t>
    </rPh>
    <rPh sb="10" eb="13">
      <t>ケンギカイ</t>
    </rPh>
    <rPh sb="13" eb="15">
      <t>カイマク</t>
    </rPh>
    <rPh sb="16" eb="18">
      <t>4ガツ</t>
    </rPh>
    <rPh sb="18" eb="20">
      <t>カイセン</t>
    </rPh>
    <rPh sb="26" eb="27">
      <t>ニク</t>
    </rPh>
    <rPh sb="30" eb="31">
      <t>6</t>
    </rPh>
    <rPh sb="31" eb="32">
      <t>ガツ</t>
    </rPh>
    <rPh sb="32" eb="35">
      <t>ケンギカイ</t>
    </rPh>
    <rPh sb="37" eb="39">
      <t>ブンジョウ</t>
    </rPh>
    <rPh sb="39" eb="41">
      <t>ジュウタク</t>
    </rPh>
    <rPh sb="41" eb="44">
      <t>ケンセツヒ</t>
    </rPh>
    <rPh sb="45" eb="47">
      <t>コッコ</t>
    </rPh>
    <rPh sb="48" eb="50">
      <t>イダイ</t>
    </rPh>
    <rPh sb="51" eb="53">
      <t>シンガク</t>
    </rPh>
    <rPh sb="53" eb="55">
      <t>カテイ</t>
    </rPh>
    <phoneticPr fontId="2"/>
  </si>
  <si>
    <t>水産振興を誓う　田辺市で漁協組大会（写真　田辺市公会堂　小野知事、平越県議会議長他出席）</t>
    <rPh sb="0" eb="2">
      <t>スイサン</t>
    </rPh>
    <rPh sb="2" eb="4">
      <t>シンコウ</t>
    </rPh>
    <rPh sb="5" eb="6">
      <t>チカ</t>
    </rPh>
    <rPh sb="8" eb="11">
      <t>タナベシ</t>
    </rPh>
    <rPh sb="12" eb="14">
      <t>ギョキョウ</t>
    </rPh>
    <rPh sb="14" eb="15">
      <t>クミ</t>
    </rPh>
    <rPh sb="15" eb="17">
      <t>タイカイ</t>
    </rPh>
    <rPh sb="18" eb="20">
      <t>シャシン</t>
    </rPh>
    <rPh sb="21" eb="24">
      <t>タナベシ</t>
    </rPh>
    <rPh sb="24" eb="27">
      <t>コウカイドウ</t>
    </rPh>
    <rPh sb="28" eb="30">
      <t>オノ</t>
    </rPh>
    <rPh sb="30" eb="32">
      <t>チジ</t>
    </rPh>
    <rPh sb="33" eb="35">
      <t>ヒラコシ</t>
    </rPh>
    <rPh sb="35" eb="38">
      <t>ケンギカイ</t>
    </rPh>
    <rPh sb="38" eb="40">
      <t>ギチョウ</t>
    </rPh>
    <rPh sb="40" eb="41">
      <t>ホカ</t>
    </rPh>
    <rPh sb="41" eb="43">
      <t>シュッセキ</t>
    </rPh>
    <phoneticPr fontId="2"/>
  </si>
  <si>
    <t>新生活の建設　自立促進貯蓄運動月間　３月１日→３月３１日</t>
    <rPh sb="0" eb="3">
      <t>シンセイカツ</t>
    </rPh>
    <rPh sb="4" eb="6">
      <t>ケンセツ</t>
    </rPh>
    <rPh sb="7" eb="9">
      <t>ジリツ</t>
    </rPh>
    <rPh sb="9" eb="11">
      <t>ソクシン</t>
    </rPh>
    <rPh sb="11" eb="13">
      <t>チョチク</t>
    </rPh>
    <rPh sb="13" eb="15">
      <t>ウンドウ</t>
    </rPh>
    <rPh sb="15" eb="17">
      <t>ゲッカン</t>
    </rPh>
    <rPh sb="19" eb="20">
      <t>ガツ</t>
    </rPh>
    <rPh sb="21" eb="22">
      <t>ヒ</t>
    </rPh>
    <rPh sb="24" eb="25">
      <t>ガツ</t>
    </rPh>
    <rPh sb="27" eb="28">
      <t>ニチ</t>
    </rPh>
    <phoneticPr fontId="2"/>
  </si>
  <si>
    <t>越冬したハエや蚊を退治しましょう</t>
    <rPh sb="0" eb="2">
      <t>エットウ</t>
    </rPh>
    <rPh sb="7" eb="8">
      <t>カ</t>
    </rPh>
    <rPh sb="9" eb="11">
      <t>タイジ</t>
    </rPh>
    <phoneticPr fontId="2"/>
  </si>
  <si>
    <t>カメラのみた自立再建県民運動一ヵ年の成果（写真　災害の復旧　産業の振興　新生活の建設）　</t>
    <rPh sb="6" eb="8">
      <t>ジリツ</t>
    </rPh>
    <rPh sb="8" eb="10">
      <t>サイケン</t>
    </rPh>
    <rPh sb="10" eb="12">
      <t>ケンミン</t>
    </rPh>
    <rPh sb="12" eb="14">
      <t>ウンドウ</t>
    </rPh>
    <rPh sb="14" eb="17">
      <t>イッカネン</t>
    </rPh>
    <rPh sb="18" eb="20">
      <t>セイカ</t>
    </rPh>
    <rPh sb="21" eb="23">
      <t>シャシン</t>
    </rPh>
    <rPh sb="24" eb="26">
      <t>サイガイ</t>
    </rPh>
    <rPh sb="27" eb="29">
      <t>フッキュウ</t>
    </rPh>
    <rPh sb="30" eb="32">
      <t>サンギョウ</t>
    </rPh>
    <rPh sb="33" eb="35">
      <t>シンコウ</t>
    </rPh>
    <rPh sb="36" eb="39">
      <t>シンセイカツ</t>
    </rPh>
    <rPh sb="40" eb="42">
      <t>ケンセツ</t>
    </rPh>
    <phoneticPr fontId="2"/>
  </si>
  <si>
    <t>市内版　和歌浦に観光道路　失対事業で三十二年度に完成（写真　一部完成した観光道路）</t>
    <rPh sb="0" eb="2">
      <t>シナイ</t>
    </rPh>
    <rPh sb="2" eb="3">
      <t>バン</t>
    </rPh>
    <rPh sb="4" eb="7">
      <t>ワカウラ</t>
    </rPh>
    <rPh sb="8" eb="10">
      <t>カンコウ</t>
    </rPh>
    <rPh sb="10" eb="12">
      <t>ドウロ</t>
    </rPh>
    <rPh sb="13" eb="15">
      <t>シッタイ</t>
    </rPh>
    <rPh sb="15" eb="17">
      <t>ジギョウ</t>
    </rPh>
    <rPh sb="18" eb="21">
      <t>32</t>
    </rPh>
    <rPh sb="21" eb="23">
      <t>ネンド</t>
    </rPh>
    <rPh sb="24" eb="26">
      <t>カンセイ</t>
    </rPh>
    <rPh sb="27" eb="29">
      <t>シャシン</t>
    </rPh>
    <rPh sb="30" eb="32">
      <t>イチブ</t>
    </rPh>
    <rPh sb="32" eb="34">
      <t>カンセイ</t>
    </rPh>
    <rPh sb="36" eb="40">
      <t>カンコウドウロ</t>
    </rPh>
    <phoneticPr fontId="2"/>
  </si>
  <si>
    <t>市内版　因習を破って貯蓄の増強へ　三葛の新生活運動</t>
    <rPh sb="0" eb="2">
      <t>シナイ</t>
    </rPh>
    <rPh sb="2" eb="3">
      <t>バン</t>
    </rPh>
    <rPh sb="4" eb="6">
      <t>インシュウ</t>
    </rPh>
    <rPh sb="7" eb="8">
      <t>ヤブ</t>
    </rPh>
    <rPh sb="10" eb="12">
      <t>チョチク</t>
    </rPh>
    <rPh sb="13" eb="15">
      <t>ゾウキョウ</t>
    </rPh>
    <rPh sb="17" eb="19">
      <t>ミカズラ</t>
    </rPh>
    <rPh sb="20" eb="25">
      <t>シンセイカツウンドウ</t>
    </rPh>
    <phoneticPr fontId="2"/>
  </si>
  <si>
    <t>市内版　盛大に公明選挙の夕　公明選挙の歌　応募入選作品　公明選挙音頭</t>
    <rPh sb="0" eb="2">
      <t>シナイ</t>
    </rPh>
    <rPh sb="2" eb="3">
      <t>バン</t>
    </rPh>
    <rPh sb="4" eb="6">
      <t>セイダイ</t>
    </rPh>
    <rPh sb="7" eb="9">
      <t>コウメイ</t>
    </rPh>
    <rPh sb="9" eb="11">
      <t>センキョ</t>
    </rPh>
    <rPh sb="12" eb="13">
      <t>ユウ</t>
    </rPh>
    <rPh sb="14" eb="16">
      <t>コウメイ</t>
    </rPh>
    <rPh sb="16" eb="18">
      <t>センキョ</t>
    </rPh>
    <rPh sb="19" eb="20">
      <t>ウタ</t>
    </rPh>
    <rPh sb="21" eb="23">
      <t>オウボ</t>
    </rPh>
    <rPh sb="23" eb="25">
      <t>ニュウセン</t>
    </rPh>
    <rPh sb="25" eb="27">
      <t>サクヒン</t>
    </rPh>
    <rPh sb="28" eb="32">
      <t>コウメイセンキョ</t>
    </rPh>
    <rPh sb="32" eb="34">
      <t>オンド</t>
    </rPh>
    <phoneticPr fontId="2"/>
  </si>
  <si>
    <t>市内版　第６回産業と観光展　好評裡に終る（写真　視察する小野知事　小野知事挨拶文）　</t>
    <rPh sb="0" eb="2">
      <t>シナイ</t>
    </rPh>
    <rPh sb="2" eb="3">
      <t>バン</t>
    </rPh>
    <rPh sb="4" eb="5">
      <t>ダイ</t>
    </rPh>
    <rPh sb="6" eb="7">
      <t>カイ</t>
    </rPh>
    <rPh sb="7" eb="9">
      <t>サンギョウ</t>
    </rPh>
    <rPh sb="10" eb="13">
      <t>カンコウテン</t>
    </rPh>
    <rPh sb="14" eb="16">
      <t>コウヒョウ</t>
    </rPh>
    <rPh sb="16" eb="17">
      <t>リ</t>
    </rPh>
    <rPh sb="18" eb="19">
      <t>オワ</t>
    </rPh>
    <rPh sb="21" eb="23">
      <t>シャシン</t>
    </rPh>
    <rPh sb="24" eb="26">
      <t>シサツ</t>
    </rPh>
    <rPh sb="28" eb="30">
      <t>オノ</t>
    </rPh>
    <rPh sb="30" eb="32">
      <t>チジ</t>
    </rPh>
    <rPh sb="33" eb="37">
      <t>オノチジ</t>
    </rPh>
    <rPh sb="37" eb="40">
      <t>アイサツブン</t>
    </rPh>
    <phoneticPr fontId="2"/>
  </si>
  <si>
    <t>市内版　農閑期の婦人向副業　マッシュルーム（写真）</t>
    <rPh sb="0" eb="2">
      <t>シナイ</t>
    </rPh>
    <rPh sb="2" eb="3">
      <t>バン</t>
    </rPh>
    <rPh sb="4" eb="7">
      <t>ノウカンキ</t>
    </rPh>
    <rPh sb="8" eb="10">
      <t>フジン</t>
    </rPh>
    <rPh sb="10" eb="11">
      <t>ム</t>
    </rPh>
    <rPh sb="11" eb="13">
      <t>フクギョウ</t>
    </rPh>
    <rPh sb="22" eb="24">
      <t>シャシン</t>
    </rPh>
    <phoneticPr fontId="2"/>
  </si>
  <si>
    <t>市内版　地方労働委員の推せん要領</t>
    <rPh sb="0" eb="2">
      <t>シナイ</t>
    </rPh>
    <rPh sb="2" eb="3">
      <t>バン</t>
    </rPh>
    <rPh sb="4" eb="6">
      <t>チホウ</t>
    </rPh>
    <rPh sb="6" eb="8">
      <t>ロウドウ</t>
    </rPh>
    <rPh sb="8" eb="10">
      <t>イイン</t>
    </rPh>
    <rPh sb="11" eb="12">
      <t>オ</t>
    </rPh>
    <rPh sb="14" eb="16">
      <t>ヨウリョウ</t>
    </rPh>
    <phoneticPr fontId="2"/>
  </si>
  <si>
    <t>市内版　新生活の体験記募集</t>
    <rPh sb="0" eb="2">
      <t>シナイ</t>
    </rPh>
    <rPh sb="2" eb="3">
      <t>バン</t>
    </rPh>
    <rPh sb="4" eb="7">
      <t>シンセイカツ</t>
    </rPh>
    <rPh sb="8" eb="11">
      <t>タイケンキ</t>
    </rPh>
    <rPh sb="11" eb="13">
      <t>ボシュウ</t>
    </rPh>
    <phoneticPr fontId="2"/>
  </si>
  <si>
    <t>市内版　里親会を結成</t>
    <rPh sb="0" eb="2">
      <t>シナイ</t>
    </rPh>
    <rPh sb="2" eb="3">
      <t>バン</t>
    </rPh>
    <rPh sb="4" eb="6">
      <t>サトオヤ</t>
    </rPh>
    <rPh sb="6" eb="7">
      <t>カイ</t>
    </rPh>
    <rPh sb="8" eb="10">
      <t>ケッセイ</t>
    </rPh>
    <phoneticPr fontId="2"/>
  </si>
  <si>
    <t>海草・海南版　治山事業に全力　災害をなくするために（写真　長谷毛原村　放水路改修なる亀溜池）</t>
    <rPh sb="0" eb="2">
      <t>カイソウ</t>
    </rPh>
    <rPh sb="3" eb="5">
      <t>カイナン</t>
    </rPh>
    <rPh sb="5" eb="6">
      <t>バン</t>
    </rPh>
    <rPh sb="7" eb="9">
      <t>チサン</t>
    </rPh>
    <rPh sb="9" eb="11">
      <t>ジギョウ</t>
    </rPh>
    <rPh sb="12" eb="14">
      <t>ゼンリョク</t>
    </rPh>
    <rPh sb="15" eb="17">
      <t>サイガイ</t>
    </rPh>
    <rPh sb="26" eb="28">
      <t>シャシン</t>
    </rPh>
    <rPh sb="29" eb="31">
      <t>ハセ</t>
    </rPh>
    <rPh sb="31" eb="32">
      <t>ケ</t>
    </rPh>
    <rPh sb="32" eb="34">
      <t>ハラムラ</t>
    </rPh>
    <rPh sb="35" eb="38">
      <t>ホウスイロ</t>
    </rPh>
    <rPh sb="38" eb="40">
      <t>カイシュウ</t>
    </rPh>
    <rPh sb="42" eb="43">
      <t>カメ</t>
    </rPh>
    <rPh sb="43" eb="45">
      <t>タメイケ</t>
    </rPh>
    <phoneticPr fontId="2"/>
  </si>
  <si>
    <t>海草・海南版　農協施設復旧完成（写真　国吉村農協倉庫　小川村農協倉庫）</t>
    <rPh sb="0" eb="2">
      <t>カイソウ</t>
    </rPh>
    <rPh sb="3" eb="5">
      <t>カイナン</t>
    </rPh>
    <rPh sb="5" eb="6">
      <t>バン</t>
    </rPh>
    <rPh sb="7" eb="9">
      <t>ノウキョウ</t>
    </rPh>
    <rPh sb="9" eb="11">
      <t>シセツ</t>
    </rPh>
    <rPh sb="11" eb="13">
      <t>フッキュウ</t>
    </rPh>
    <rPh sb="13" eb="15">
      <t>カンセイ</t>
    </rPh>
    <rPh sb="16" eb="18">
      <t>シャシン</t>
    </rPh>
    <rPh sb="19" eb="20">
      <t>クニ</t>
    </rPh>
    <rPh sb="20" eb="22">
      <t>ヨシムラ</t>
    </rPh>
    <rPh sb="22" eb="24">
      <t>ノウキョウ</t>
    </rPh>
    <rPh sb="24" eb="26">
      <t>ソウコ</t>
    </rPh>
    <rPh sb="27" eb="30">
      <t>オガワムラ</t>
    </rPh>
    <rPh sb="30" eb="32">
      <t>ノウキョウ</t>
    </rPh>
    <rPh sb="32" eb="34">
      <t>ソウコ</t>
    </rPh>
    <phoneticPr fontId="2"/>
  </si>
  <si>
    <t>海草・海南版　復旧進む林道滝の川線（写真　復旧した林道滝の川線の一部）</t>
    <rPh sb="0" eb="2">
      <t>カイソウ</t>
    </rPh>
    <rPh sb="3" eb="5">
      <t>カイナン</t>
    </rPh>
    <rPh sb="5" eb="6">
      <t>バン</t>
    </rPh>
    <rPh sb="7" eb="9">
      <t>フッキュウ</t>
    </rPh>
    <rPh sb="9" eb="10">
      <t>スス</t>
    </rPh>
    <rPh sb="11" eb="13">
      <t>リンドウ</t>
    </rPh>
    <rPh sb="13" eb="14">
      <t>タキ</t>
    </rPh>
    <rPh sb="15" eb="16">
      <t>カワ</t>
    </rPh>
    <rPh sb="16" eb="17">
      <t>セン</t>
    </rPh>
    <rPh sb="18" eb="20">
      <t>シャシン</t>
    </rPh>
    <rPh sb="21" eb="23">
      <t>フッキュウ</t>
    </rPh>
    <rPh sb="25" eb="27">
      <t>リンドウ</t>
    </rPh>
    <rPh sb="27" eb="28">
      <t>タキ</t>
    </rPh>
    <rPh sb="29" eb="30">
      <t>カワ</t>
    </rPh>
    <rPh sb="30" eb="31">
      <t>セン</t>
    </rPh>
    <rPh sb="32" eb="34">
      <t>イチブ</t>
    </rPh>
    <phoneticPr fontId="2"/>
  </si>
  <si>
    <t>海草・海南版　流感の話　過労に注意！</t>
    <rPh sb="0" eb="2">
      <t>カイソウ</t>
    </rPh>
    <rPh sb="3" eb="5">
      <t>カイナン</t>
    </rPh>
    <rPh sb="5" eb="6">
      <t>バン</t>
    </rPh>
    <rPh sb="7" eb="9">
      <t>リュウカン</t>
    </rPh>
    <rPh sb="10" eb="11">
      <t>ハナシ</t>
    </rPh>
    <rPh sb="12" eb="14">
      <t>カロウ</t>
    </rPh>
    <rPh sb="15" eb="17">
      <t>チュウイ</t>
    </rPh>
    <phoneticPr fontId="2"/>
  </si>
  <si>
    <t>海草・海南版　新生活運動体験記募集</t>
    <rPh sb="0" eb="2">
      <t>カイソウ</t>
    </rPh>
    <rPh sb="3" eb="5">
      <t>カイナン</t>
    </rPh>
    <rPh sb="5" eb="6">
      <t>バン</t>
    </rPh>
    <rPh sb="7" eb="10">
      <t>シンセイカツ</t>
    </rPh>
    <rPh sb="10" eb="12">
      <t>ウンドウ</t>
    </rPh>
    <rPh sb="12" eb="15">
      <t>タイケンキ</t>
    </rPh>
    <rPh sb="15" eb="17">
      <t>ボシュウ</t>
    </rPh>
    <phoneticPr fontId="2"/>
  </si>
  <si>
    <t>海草・海南版　公明選挙推進に幻灯活躍</t>
    <rPh sb="0" eb="2">
      <t>カイソウ</t>
    </rPh>
    <rPh sb="3" eb="5">
      <t>カイナン</t>
    </rPh>
    <rPh sb="5" eb="6">
      <t>バン</t>
    </rPh>
    <rPh sb="7" eb="9">
      <t>コウメイ</t>
    </rPh>
    <rPh sb="9" eb="11">
      <t>センキョ</t>
    </rPh>
    <rPh sb="11" eb="13">
      <t>スイシン</t>
    </rPh>
    <rPh sb="14" eb="16">
      <t>ゲントウ</t>
    </rPh>
    <rPh sb="16" eb="18">
      <t>カツヤク</t>
    </rPh>
    <phoneticPr fontId="2"/>
  </si>
  <si>
    <t>那賀版　災害林道続々復旧（写真　完成した上名手村重谷林道の一部）</t>
    <rPh sb="0" eb="2">
      <t>ナガ</t>
    </rPh>
    <rPh sb="2" eb="3">
      <t>バン</t>
    </rPh>
    <rPh sb="4" eb="6">
      <t>サイガイ</t>
    </rPh>
    <rPh sb="6" eb="8">
      <t>リンドウ</t>
    </rPh>
    <rPh sb="8" eb="10">
      <t>ゾクゾク</t>
    </rPh>
    <rPh sb="10" eb="12">
      <t>フッキュウ</t>
    </rPh>
    <rPh sb="13" eb="15">
      <t>シャシン</t>
    </rPh>
    <rPh sb="16" eb="18">
      <t>カンセイ</t>
    </rPh>
    <rPh sb="20" eb="21">
      <t>カミ</t>
    </rPh>
    <rPh sb="21" eb="23">
      <t>ナテ</t>
    </rPh>
    <rPh sb="23" eb="24">
      <t>ムラ</t>
    </rPh>
    <rPh sb="25" eb="26">
      <t>タニ</t>
    </rPh>
    <rPh sb="26" eb="28">
      <t>リンドウ</t>
    </rPh>
    <rPh sb="29" eb="31">
      <t>イチブ</t>
    </rPh>
    <phoneticPr fontId="2"/>
  </si>
  <si>
    <t>那賀版　住みよい理想郷へ　池田村の環境衛生活動（写真　池田村の昆虫駆除）</t>
    <rPh sb="0" eb="2">
      <t>ナガ</t>
    </rPh>
    <rPh sb="2" eb="3">
      <t>バン</t>
    </rPh>
    <rPh sb="4" eb="5">
      <t>ス</t>
    </rPh>
    <rPh sb="8" eb="11">
      <t>リソウキョウ</t>
    </rPh>
    <rPh sb="13" eb="15">
      <t>イケダ</t>
    </rPh>
    <rPh sb="15" eb="16">
      <t>ムラ</t>
    </rPh>
    <rPh sb="17" eb="19">
      <t>カンキョウ</t>
    </rPh>
    <rPh sb="19" eb="21">
      <t>エイセイ</t>
    </rPh>
    <rPh sb="21" eb="23">
      <t>カツドウ</t>
    </rPh>
    <rPh sb="24" eb="26">
      <t>シャシン</t>
    </rPh>
    <rPh sb="27" eb="29">
      <t>イケダ</t>
    </rPh>
    <rPh sb="29" eb="30">
      <t>ムラ</t>
    </rPh>
    <rPh sb="31" eb="33">
      <t>コンチュウ</t>
    </rPh>
    <rPh sb="33" eb="35">
      <t>クジョ</t>
    </rPh>
    <phoneticPr fontId="2"/>
  </si>
  <si>
    <t>那賀版　名声回復へ懸命　那賀特産のネーブル・オンレンジ（写真　復興したネーブル園）</t>
    <rPh sb="0" eb="2">
      <t>ナガ</t>
    </rPh>
    <rPh sb="2" eb="3">
      <t>バン</t>
    </rPh>
    <rPh sb="4" eb="6">
      <t>メイセイ</t>
    </rPh>
    <rPh sb="6" eb="8">
      <t>カイフク</t>
    </rPh>
    <rPh sb="9" eb="11">
      <t>ケンメイ</t>
    </rPh>
    <rPh sb="12" eb="14">
      <t>ナガ</t>
    </rPh>
    <rPh sb="14" eb="16">
      <t>トクサン</t>
    </rPh>
    <rPh sb="28" eb="30">
      <t>シャシン</t>
    </rPh>
    <rPh sb="31" eb="33">
      <t>フッコウ</t>
    </rPh>
    <rPh sb="39" eb="40">
      <t>エン</t>
    </rPh>
    <phoneticPr fontId="2"/>
  </si>
  <si>
    <t>那賀版　配水トンネル完成（写真　竣工式に出席する小野知事）</t>
    <rPh sb="0" eb="2">
      <t>ナガ</t>
    </rPh>
    <rPh sb="2" eb="3">
      <t>バン</t>
    </rPh>
    <rPh sb="4" eb="6">
      <t>ハイスイ</t>
    </rPh>
    <rPh sb="10" eb="12">
      <t>カンセイ</t>
    </rPh>
    <rPh sb="13" eb="15">
      <t>シャシン</t>
    </rPh>
    <rPh sb="16" eb="19">
      <t>シュンコウシキ</t>
    </rPh>
    <rPh sb="20" eb="22">
      <t>シュッセキ</t>
    </rPh>
    <rPh sb="24" eb="26">
      <t>オノ</t>
    </rPh>
    <rPh sb="26" eb="28">
      <t>チジ</t>
    </rPh>
    <phoneticPr fontId="2"/>
  </si>
  <si>
    <t>那賀版　新生活運動体験記募集</t>
    <rPh sb="0" eb="2">
      <t>ナガ</t>
    </rPh>
    <rPh sb="2" eb="3">
      <t>バン</t>
    </rPh>
    <rPh sb="4" eb="9">
      <t>シンセイカツウンドウ</t>
    </rPh>
    <rPh sb="9" eb="12">
      <t>タイケンキ</t>
    </rPh>
    <rPh sb="12" eb="14">
      <t>ボシュウ</t>
    </rPh>
    <phoneticPr fontId="2"/>
  </si>
  <si>
    <t>那賀版　那賀・粉河両高校の講堂と本館完成（写真　粉河高校本館と那賀高校の講堂）</t>
    <rPh sb="0" eb="2">
      <t>ナガ</t>
    </rPh>
    <rPh sb="2" eb="3">
      <t>バン</t>
    </rPh>
    <rPh sb="4" eb="6">
      <t>ナガ</t>
    </rPh>
    <rPh sb="7" eb="9">
      <t>コカワ</t>
    </rPh>
    <rPh sb="9" eb="10">
      <t>リョウ</t>
    </rPh>
    <rPh sb="10" eb="12">
      <t>コウコウ</t>
    </rPh>
    <rPh sb="13" eb="15">
      <t>コウドウ</t>
    </rPh>
    <rPh sb="16" eb="18">
      <t>ホンカン</t>
    </rPh>
    <rPh sb="18" eb="20">
      <t>カンセイ</t>
    </rPh>
    <rPh sb="21" eb="23">
      <t>シャシン</t>
    </rPh>
    <rPh sb="24" eb="26">
      <t>コカワ</t>
    </rPh>
    <rPh sb="26" eb="28">
      <t>コウコウ</t>
    </rPh>
    <rPh sb="28" eb="30">
      <t>ホンカン</t>
    </rPh>
    <rPh sb="31" eb="33">
      <t>ナガ</t>
    </rPh>
    <rPh sb="33" eb="35">
      <t>コウコウ</t>
    </rPh>
    <rPh sb="36" eb="38">
      <t>コウドウ</t>
    </rPh>
    <phoneticPr fontId="2"/>
  </si>
  <si>
    <t>那賀版　県立公園への願い（写真　長田観音の三重の塔　粉河寺の本堂　根来寺の多宝塔、臥龍の松）</t>
    <rPh sb="0" eb="2">
      <t>ナガ</t>
    </rPh>
    <rPh sb="2" eb="3">
      <t>バン</t>
    </rPh>
    <rPh sb="4" eb="6">
      <t>ケンリツ</t>
    </rPh>
    <rPh sb="6" eb="8">
      <t>コウエン</t>
    </rPh>
    <rPh sb="10" eb="11">
      <t>ネガ</t>
    </rPh>
    <rPh sb="13" eb="15">
      <t>シャシン</t>
    </rPh>
    <rPh sb="16" eb="18">
      <t>ナガタ</t>
    </rPh>
    <rPh sb="18" eb="20">
      <t>カンノン</t>
    </rPh>
    <rPh sb="21" eb="23">
      <t>サンジュウ</t>
    </rPh>
    <rPh sb="24" eb="25">
      <t>トウ</t>
    </rPh>
    <rPh sb="26" eb="29">
      <t>コカワデラ</t>
    </rPh>
    <rPh sb="30" eb="32">
      <t>ホンドウ</t>
    </rPh>
    <rPh sb="33" eb="35">
      <t>ネゴロ</t>
    </rPh>
    <rPh sb="35" eb="36">
      <t>デラ</t>
    </rPh>
    <rPh sb="37" eb="40">
      <t>タホウトウ</t>
    </rPh>
    <rPh sb="41" eb="43">
      <t>ガリュウ</t>
    </rPh>
    <rPh sb="44" eb="45">
      <t>マツ</t>
    </rPh>
    <phoneticPr fontId="2"/>
  </si>
  <si>
    <t>伊都・橋本版　全郡で災害復旧工事すすむ　小田井堰復旧へ突貫工事（写真　完成へ近づく小田井堰（応其村））</t>
    <rPh sb="0" eb="2">
      <t>イト</t>
    </rPh>
    <rPh sb="3" eb="5">
      <t>ハシモト</t>
    </rPh>
    <rPh sb="5" eb="6">
      <t>バン</t>
    </rPh>
    <rPh sb="7" eb="9">
      <t>ゼングン</t>
    </rPh>
    <rPh sb="10" eb="12">
      <t>サイガイ</t>
    </rPh>
    <rPh sb="12" eb="14">
      <t>フッキュウ</t>
    </rPh>
    <rPh sb="14" eb="16">
      <t>コウジ</t>
    </rPh>
    <rPh sb="20" eb="22">
      <t>オダ</t>
    </rPh>
    <rPh sb="22" eb="23">
      <t>イ</t>
    </rPh>
    <rPh sb="23" eb="24">
      <t>エン</t>
    </rPh>
    <rPh sb="24" eb="26">
      <t>フッキュウ</t>
    </rPh>
    <rPh sb="27" eb="29">
      <t>トッカン</t>
    </rPh>
    <rPh sb="29" eb="31">
      <t>コウジ</t>
    </rPh>
    <rPh sb="32" eb="34">
      <t>シャシン</t>
    </rPh>
    <rPh sb="35" eb="37">
      <t>カンセイ</t>
    </rPh>
    <rPh sb="38" eb="39">
      <t>チカ</t>
    </rPh>
    <rPh sb="41" eb="43">
      <t>オダ</t>
    </rPh>
    <rPh sb="43" eb="45">
      <t>イセキ</t>
    </rPh>
    <rPh sb="46" eb="48">
      <t>オウゴ</t>
    </rPh>
    <rPh sb="48" eb="49">
      <t>ムラ</t>
    </rPh>
    <phoneticPr fontId="2"/>
  </si>
  <si>
    <t>伊都・橋本版　全郡で災害復旧工事すすむ　河南で二橋竣工　二月十六日晴れの渡りぞめ（写真　竣工した赤瀬橋　小野知事や平越県議会議長らが渡り初めする丹生橋）</t>
    <rPh sb="0" eb="2">
      <t>イト</t>
    </rPh>
    <rPh sb="3" eb="5">
      <t>ハシモト</t>
    </rPh>
    <rPh sb="5" eb="6">
      <t>バン</t>
    </rPh>
    <rPh sb="7" eb="9">
      <t>ゼングン</t>
    </rPh>
    <rPh sb="10" eb="12">
      <t>サイガイ</t>
    </rPh>
    <rPh sb="12" eb="14">
      <t>フッキュウ</t>
    </rPh>
    <rPh sb="14" eb="16">
      <t>コウジ</t>
    </rPh>
    <rPh sb="20" eb="22">
      <t>カナン</t>
    </rPh>
    <rPh sb="23" eb="24">
      <t>2</t>
    </rPh>
    <rPh sb="24" eb="25">
      <t>ハシ</t>
    </rPh>
    <rPh sb="25" eb="27">
      <t>シュンコウ</t>
    </rPh>
    <rPh sb="28" eb="29">
      <t>2</t>
    </rPh>
    <rPh sb="29" eb="30">
      <t>ガツ</t>
    </rPh>
    <rPh sb="30" eb="32">
      <t>16</t>
    </rPh>
    <rPh sb="32" eb="33">
      <t>ニチ</t>
    </rPh>
    <rPh sb="33" eb="34">
      <t>ハ</t>
    </rPh>
    <rPh sb="36" eb="37">
      <t>ワタ</t>
    </rPh>
    <rPh sb="41" eb="43">
      <t>シャシン</t>
    </rPh>
    <rPh sb="44" eb="46">
      <t>シュンコウ</t>
    </rPh>
    <rPh sb="48" eb="51">
      <t>アカセバシ</t>
    </rPh>
    <rPh sb="52" eb="54">
      <t>オノ</t>
    </rPh>
    <rPh sb="54" eb="56">
      <t>チジ</t>
    </rPh>
    <rPh sb="57" eb="59">
      <t>ヒラコシ</t>
    </rPh>
    <rPh sb="59" eb="62">
      <t>ケンギカイ</t>
    </rPh>
    <rPh sb="62" eb="64">
      <t>ギチョウ</t>
    </rPh>
    <rPh sb="66" eb="67">
      <t>ワタ</t>
    </rPh>
    <rPh sb="68" eb="69">
      <t>ゾ</t>
    </rPh>
    <rPh sb="72" eb="74">
      <t>ニュウ</t>
    </rPh>
    <rPh sb="74" eb="75">
      <t>ハシ</t>
    </rPh>
    <phoneticPr fontId="2"/>
  </si>
  <si>
    <t>伊都・橋本版　全郡で災害復旧工事すすむ　三谷橋など完成へ（写真　着々と工事の進む柱本橋）</t>
    <rPh sb="0" eb="2">
      <t>イト</t>
    </rPh>
    <rPh sb="3" eb="5">
      <t>ハシモト</t>
    </rPh>
    <rPh sb="5" eb="6">
      <t>バン</t>
    </rPh>
    <rPh sb="7" eb="9">
      <t>ゼングン</t>
    </rPh>
    <rPh sb="10" eb="16">
      <t>サイガイフッキュウコウジ</t>
    </rPh>
    <rPh sb="20" eb="23">
      <t>ミタニバシ</t>
    </rPh>
    <rPh sb="25" eb="27">
      <t>カンセイ</t>
    </rPh>
    <rPh sb="29" eb="31">
      <t>シャシン</t>
    </rPh>
    <rPh sb="32" eb="34">
      <t>チャクチャク</t>
    </rPh>
    <rPh sb="35" eb="37">
      <t>コウジ</t>
    </rPh>
    <rPh sb="38" eb="39">
      <t>スス</t>
    </rPh>
    <rPh sb="40" eb="42">
      <t>ハシラモト</t>
    </rPh>
    <rPh sb="42" eb="43">
      <t>ハシ</t>
    </rPh>
    <phoneticPr fontId="2"/>
  </si>
  <si>
    <t>伊都・橋本版　全郡で災害復旧工事すすむ　復旧した大日川林道（写真）</t>
    <rPh sb="0" eb="2">
      <t>イト</t>
    </rPh>
    <rPh sb="3" eb="5">
      <t>ハシモト</t>
    </rPh>
    <rPh sb="5" eb="6">
      <t>バン</t>
    </rPh>
    <rPh sb="7" eb="9">
      <t>ゼングン</t>
    </rPh>
    <rPh sb="10" eb="12">
      <t>サイガイ</t>
    </rPh>
    <rPh sb="12" eb="14">
      <t>フッキュウ</t>
    </rPh>
    <rPh sb="14" eb="16">
      <t>コウジ</t>
    </rPh>
    <rPh sb="20" eb="22">
      <t>フッキュウ</t>
    </rPh>
    <rPh sb="24" eb="26">
      <t>オオヒ</t>
    </rPh>
    <rPh sb="26" eb="27">
      <t>カワ</t>
    </rPh>
    <rPh sb="27" eb="29">
      <t>リンドウ</t>
    </rPh>
    <rPh sb="30" eb="32">
      <t>シャシン</t>
    </rPh>
    <phoneticPr fontId="2"/>
  </si>
  <si>
    <t>伊都・橋本版　初代橋本市長に吉田六右衛門氏</t>
    <rPh sb="0" eb="2">
      <t>イト</t>
    </rPh>
    <rPh sb="3" eb="5">
      <t>ハシモト</t>
    </rPh>
    <rPh sb="5" eb="6">
      <t>バン</t>
    </rPh>
    <rPh sb="7" eb="9">
      <t>ショダイ</t>
    </rPh>
    <rPh sb="9" eb="11">
      <t>ハシモト</t>
    </rPh>
    <rPh sb="11" eb="13">
      <t>シチョウ</t>
    </rPh>
    <rPh sb="14" eb="16">
      <t>ヨシダ</t>
    </rPh>
    <rPh sb="16" eb="20">
      <t>ロクエモン</t>
    </rPh>
    <rPh sb="20" eb="21">
      <t>シ</t>
    </rPh>
    <phoneticPr fontId="2"/>
  </si>
  <si>
    <t>伊都・橋本版　九度山町新発足　四月から大高野口町も</t>
    <rPh sb="0" eb="2">
      <t>イト</t>
    </rPh>
    <rPh sb="3" eb="5">
      <t>ハシモト</t>
    </rPh>
    <rPh sb="5" eb="6">
      <t>バン</t>
    </rPh>
    <rPh sb="7" eb="11">
      <t>クドヤマチョウ</t>
    </rPh>
    <rPh sb="11" eb="14">
      <t>シンホッソク</t>
    </rPh>
    <rPh sb="15" eb="17">
      <t>4ガツ</t>
    </rPh>
    <rPh sb="19" eb="20">
      <t>オオ</t>
    </rPh>
    <rPh sb="20" eb="24">
      <t>コウヤグチチョウ</t>
    </rPh>
    <phoneticPr fontId="2"/>
  </si>
  <si>
    <t>伊都・橋本版　好評だった畜産共進会（写真）</t>
    <rPh sb="0" eb="2">
      <t>イト</t>
    </rPh>
    <rPh sb="3" eb="5">
      <t>ハシモト</t>
    </rPh>
    <rPh sb="5" eb="6">
      <t>バン</t>
    </rPh>
    <rPh sb="7" eb="9">
      <t>コウヒョウ</t>
    </rPh>
    <rPh sb="12" eb="14">
      <t>チクサン</t>
    </rPh>
    <rPh sb="14" eb="17">
      <t>キョウシンカイ</t>
    </rPh>
    <rPh sb="18" eb="20">
      <t>シャシン</t>
    </rPh>
    <phoneticPr fontId="2"/>
  </si>
  <si>
    <t>伊都・橋本版　各地で新生活大会（写真）</t>
    <rPh sb="0" eb="2">
      <t>イト</t>
    </rPh>
    <rPh sb="3" eb="5">
      <t>ハシモト</t>
    </rPh>
    <rPh sb="5" eb="6">
      <t>バン</t>
    </rPh>
    <rPh sb="7" eb="9">
      <t>カクチ</t>
    </rPh>
    <rPh sb="10" eb="13">
      <t>シンセイカツ</t>
    </rPh>
    <rPh sb="13" eb="15">
      <t>タイカイ</t>
    </rPh>
    <rPh sb="16" eb="18">
      <t>シャシン</t>
    </rPh>
    <phoneticPr fontId="2"/>
  </si>
  <si>
    <t>伊都・橋本版　新生活運動体験記募集</t>
    <rPh sb="0" eb="2">
      <t>イト</t>
    </rPh>
    <rPh sb="3" eb="5">
      <t>ハシモト</t>
    </rPh>
    <rPh sb="5" eb="6">
      <t>バン</t>
    </rPh>
    <phoneticPr fontId="2"/>
  </si>
  <si>
    <t>有田版　のびゆく有田（写真　区画整理もうつくしく立派に復旧した有田町（旧保田村）の耕地）</t>
    <rPh sb="0" eb="2">
      <t>アリダ</t>
    </rPh>
    <rPh sb="2" eb="3">
      <t>バン</t>
    </rPh>
    <rPh sb="8" eb="10">
      <t>アリダ</t>
    </rPh>
    <rPh sb="11" eb="13">
      <t>シャシン</t>
    </rPh>
    <rPh sb="14" eb="16">
      <t>クカク</t>
    </rPh>
    <rPh sb="16" eb="18">
      <t>セイリ</t>
    </rPh>
    <rPh sb="24" eb="26">
      <t>リッパ</t>
    </rPh>
    <rPh sb="27" eb="29">
      <t>フッキュ</t>
    </rPh>
    <rPh sb="31" eb="34">
      <t>アリダチョウ</t>
    </rPh>
    <rPh sb="35" eb="36">
      <t>キュウ</t>
    </rPh>
    <rPh sb="36" eb="38">
      <t>ヤスダ</t>
    </rPh>
    <rPh sb="38" eb="39">
      <t>ムラ</t>
    </rPh>
    <rPh sb="41" eb="43">
      <t>コウチ</t>
    </rPh>
    <phoneticPr fontId="2"/>
  </si>
  <si>
    <t>有田版　のびゆく有田　春陽を浴びて（写真　白魚漁　広橋附近）</t>
    <rPh sb="0" eb="2">
      <t>アリダ</t>
    </rPh>
    <rPh sb="2" eb="3">
      <t>バン</t>
    </rPh>
    <rPh sb="8" eb="10">
      <t>アリダ</t>
    </rPh>
    <rPh sb="11" eb="13">
      <t>シュンヨウ</t>
    </rPh>
    <rPh sb="14" eb="15">
      <t>ア</t>
    </rPh>
    <rPh sb="18" eb="20">
      <t>シャシン</t>
    </rPh>
    <rPh sb="21" eb="23">
      <t>シロウオ</t>
    </rPh>
    <rPh sb="23" eb="24">
      <t>リョウ</t>
    </rPh>
    <rPh sb="25" eb="26">
      <t>ヒロ</t>
    </rPh>
    <rPh sb="26" eb="27">
      <t>ハシ</t>
    </rPh>
    <rPh sb="27" eb="29">
      <t>フキン</t>
    </rPh>
    <phoneticPr fontId="2"/>
  </si>
  <si>
    <t>有田版　のびゆく有田（写真　津木村の杉の造林）</t>
    <rPh sb="0" eb="2">
      <t>アリダ</t>
    </rPh>
    <rPh sb="2" eb="3">
      <t>バン</t>
    </rPh>
    <rPh sb="8" eb="10">
      <t>アリダ</t>
    </rPh>
    <rPh sb="11" eb="13">
      <t>シャシン</t>
    </rPh>
    <rPh sb="14" eb="15">
      <t>ツ</t>
    </rPh>
    <rPh sb="15" eb="16">
      <t>キ</t>
    </rPh>
    <rPh sb="16" eb="17">
      <t>ムラ</t>
    </rPh>
    <rPh sb="18" eb="19">
      <t>スギ</t>
    </rPh>
    <rPh sb="20" eb="22">
      <t>ゾウリン</t>
    </rPh>
    <phoneticPr fontId="2"/>
  </si>
  <si>
    <t>有田版　のびゆく有田　三宝柑の収穫はじまる（写真　三宝柑の収穫）</t>
    <rPh sb="0" eb="2">
      <t>アリダ</t>
    </rPh>
    <rPh sb="2" eb="3">
      <t>バン</t>
    </rPh>
    <rPh sb="8" eb="10">
      <t>アリダ</t>
    </rPh>
    <rPh sb="11" eb="14">
      <t>サンボウカン</t>
    </rPh>
    <rPh sb="15" eb="17">
      <t>シュウカク</t>
    </rPh>
    <rPh sb="22" eb="24">
      <t>シャシン</t>
    </rPh>
    <rPh sb="25" eb="28">
      <t>サンポウカン</t>
    </rPh>
    <rPh sb="29" eb="31">
      <t>シュウカク</t>
    </rPh>
    <phoneticPr fontId="2"/>
  </si>
  <si>
    <t>有田版　この喜び！手動式車椅子（写真　喜びにつつまれて車を動かす賢君）</t>
    <rPh sb="0" eb="2">
      <t>アリダ</t>
    </rPh>
    <rPh sb="2" eb="3">
      <t>バン</t>
    </rPh>
    <rPh sb="6" eb="7">
      <t>ヨロコ</t>
    </rPh>
    <rPh sb="9" eb="12">
      <t>シュドウシキ</t>
    </rPh>
    <rPh sb="12" eb="15">
      <t>クルマイス</t>
    </rPh>
    <rPh sb="16" eb="18">
      <t>シャシン</t>
    </rPh>
    <rPh sb="19" eb="20">
      <t>ヨロコ</t>
    </rPh>
    <rPh sb="27" eb="28">
      <t>クルマ</t>
    </rPh>
    <rPh sb="29" eb="30">
      <t>ウゴ</t>
    </rPh>
    <rPh sb="32" eb="33">
      <t>ケン</t>
    </rPh>
    <rPh sb="33" eb="34">
      <t>クン</t>
    </rPh>
    <phoneticPr fontId="2"/>
  </si>
  <si>
    <t>有田版　水煙天を衝く！　恒例の消防出初式（写真　有田川河畔）</t>
    <rPh sb="0" eb="2">
      <t>アリダ</t>
    </rPh>
    <rPh sb="2" eb="3">
      <t>バン</t>
    </rPh>
    <rPh sb="4" eb="6">
      <t>スイエン</t>
    </rPh>
    <rPh sb="6" eb="7">
      <t>テン</t>
    </rPh>
    <rPh sb="8" eb="9">
      <t>ツ</t>
    </rPh>
    <rPh sb="12" eb="14">
      <t>コウレイ</t>
    </rPh>
    <rPh sb="15" eb="17">
      <t>ショウボウ</t>
    </rPh>
    <rPh sb="17" eb="20">
      <t>デゾメシキ</t>
    </rPh>
    <rPh sb="21" eb="23">
      <t>シャシン</t>
    </rPh>
    <rPh sb="24" eb="27">
      <t>アリダガワ</t>
    </rPh>
    <rPh sb="27" eb="29">
      <t>カハン</t>
    </rPh>
    <phoneticPr fontId="2"/>
  </si>
  <si>
    <t>有田版　柑橘園三月中の行事</t>
    <rPh sb="0" eb="2">
      <t>アリダ</t>
    </rPh>
    <rPh sb="2" eb="3">
      <t>バン</t>
    </rPh>
    <rPh sb="4" eb="6">
      <t>カンキツ</t>
    </rPh>
    <rPh sb="6" eb="7">
      <t>エン</t>
    </rPh>
    <rPh sb="7" eb="8">
      <t>3</t>
    </rPh>
    <rPh sb="8" eb="10">
      <t>ガツチュウ</t>
    </rPh>
    <rPh sb="11" eb="13">
      <t>ギョウジ</t>
    </rPh>
    <phoneticPr fontId="2"/>
  </si>
  <si>
    <t>有田版　食改善に山羊も一役（写真　湯浅町篤農家の山羊、有田しろ号）</t>
    <rPh sb="0" eb="2">
      <t>アリダ</t>
    </rPh>
    <rPh sb="2" eb="3">
      <t>バン</t>
    </rPh>
    <rPh sb="4" eb="5">
      <t>ショク</t>
    </rPh>
    <rPh sb="5" eb="7">
      <t>カイゼン</t>
    </rPh>
    <rPh sb="8" eb="10">
      <t>ヤギ</t>
    </rPh>
    <rPh sb="11" eb="13">
      <t>ヒトヤク</t>
    </rPh>
    <rPh sb="14" eb="16">
      <t>シャシン</t>
    </rPh>
    <rPh sb="17" eb="20">
      <t>ユアサチョウ</t>
    </rPh>
    <rPh sb="20" eb="21">
      <t>アツシ</t>
    </rPh>
    <rPh sb="21" eb="23">
      <t>ノウカ</t>
    </rPh>
    <rPh sb="24" eb="26">
      <t>ヤギ</t>
    </rPh>
    <rPh sb="27" eb="29">
      <t>アリダ</t>
    </rPh>
    <rPh sb="31" eb="32">
      <t>ゴウ</t>
    </rPh>
    <phoneticPr fontId="2"/>
  </si>
  <si>
    <t>有田版　新生活を推進　郡青連協議会</t>
    <rPh sb="0" eb="2">
      <t>アリダ</t>
    </rPh>
    <rPh sb="2" eb="3">
      <t>バン</t>
    </rPh>
    <rPh sb="4" eb="7">
      <t>シンセイカツ</t>
    </rPh>
    <rPh sb="8" eb="10">
      <t>スイシン</t>
    </rPh>
    <rPh sb="11" eb="12">
      <t>グン</t>
    </rPh>
    <rPh sb="12" eb="13">
      <t>アオ</t>
    </rPh>
    <rPh sb="13" eb="14">
      <t>レン</t>
    </rPh>
    <rPh sb="14" eb="17">
      <t>キョウギカイ</t>
    </rPh>
    <phoneticPr fontId="2"/>
  </si>
  <si>
    <t>有田版　新生活の体験記募集</t>
    <rPh sb="0" eb="2">
      <t>アリダ</t>
    </rPh>
    <rPh sb="2" eb="3">
      <t>バン</t>
    </rPh>
    <rPh sb="4" eb="7">
      <t>シンセイカツ</t>
    </rPh>
    <rPh sb="8" eb="11">
      <t>タイケンキ</t>
    </rPh>
    <rPh sb="11" eb="13">
      <t>ボシュウ</t>
    </rPh>
    <phoneticPr fontId="2"/>
  </si>
  <si>
    <t>有田版　写真　早春の寒波の中に乗りの採取　江上川の川口、海苔養殖場</t>
    <rPh sb="0" eb="2">
      <t>アリダ</t>
    </rPh>
    <rPh sb="2" eb="3">
      <t>バン</t>
    </rPh>
    <rPh sb="4" eb="6">
      <t>シャシン</t>
    </rPh>
    <rPh sb="7" eb="9">
      <t>ソウシュン</t>
    </rPh>
    <rPh sb="10" eb="12">
      <t>カンパ</t>
    </rPh>
    <rPh sb="13" eb="14">
      <t>ナカ</t>
    </rPh>
    <rPh sb="15" eb="16">
      <t>ノ</t>
    </rPh>
    <rPh sb="18" eb="20">
      <t>サイシュ</t>
    </rPh>
    <rPh sb="21" eb="22">
      <t>エ</t>
    </rPh>
    <rPh sb="22" eb="24">
      <t>カミガワ</t>
    </rPh>
    <rPh sb="25" eb="27">
      <t>カワグチ</t>
    </rPh>
    <rPh sb="28" eb="30">
      <t>ノリ</t>
    </rPh>
    <rPh sb="30" eb="33">
      <t>ヨウショクジョウ</t>
    </rPh>
    <phoneticPr fontId="2"/>
  </si>
  <si>
    <t>日高・御坊版　全国初の路線変更　川上村　災害林道復旧計画</t>
    <rPh sb="0" eb="2">
      <t>ヒダカ</t>
    </rPh>
    <rPh sb="3" eb="5">
      <t>ゴボウ</t>
    </rPh>
    <rPh sb="5" eb="6">
      <t>バン</t>
    </rPh>
    <rPh sb="7" eb="10">
      <t>ゼンコクハツ</t>
    </rPh>
    <rPh sb="11" eb="13">
      <t>ロセン</t>
    </rPh>
    <rPh sb="13" eb="15">
      <t>ヘンコウ</t>
    </rPh>
    <rPh sb="16" eb="19">
      <t>カワカミムラ</t>
    </rPh>
    <rPh sb="20" eb="22">
      <t>サイガイ</t>
    </rPh>
    <rPh sb="22" eb="24">
      <t>リンドウ</t>
    </rPh>
    <rPh sb="24" eb="26">
      <t>フッキュウ</t>
    </rPh>
    <rPh sb="26" eb="28">
      <t>ケイカク</t>
    </rPh>
    <phoneticPr fontId="2"/>
  </si>
  <si>
    <t>日高・御坊版　山路郷分校完成（写真　完成した日高高校山路郷分校々舎）</t>
    <rPh sb="0" eb="2">
      <t>ヒダカ</t>
    </rPh>
    <rPh sb="3" eb="5">
      <t>ゴボウ</t>
    </rPh>
    <rPh sb="5" eb="6">
      <t>バン</t>
    </rPh>
    <rPh sb="7" eb="9">
      <t>ヤマジ</t>
    </rPh>
    <rPh sb="9" eb="10">
      <t>キョウ</t>
    </rPh>
    <rPh sb="10" eb="12">
      <t>ブンコウ</t>
    </rPh>
    <rPh sb="12" eb="14">
      <t>カンセイ</t>
    </rPh>
    <rPh sb="15" eb="17">
      <t>シャシン</t>
    </rPh>
    <rPh sb="18" eb="20">
      <t>カンセイ</t>
    </rPh>
    <rPh sb="22" eb="24">
      <t>ヒダカ</t>
    </rPh>
    <rPh sb="24" eb="26">
      <t>コウコウ</t>
    </rPh>
    <rPh sb="25" eb="26">
      <t>コウ</t>
    </rPh>
    <rPh sb="26" eb="28">
      <t>ヤマジ</t>
    </rPh>
    <rPh sb="28" eb="29">
      <t>キョウ</t>
    </rPh>
    <rPh sb="29" eb="31">
      <t>ブンコウ</t>
    </rPh>
    <rPh sb="32" eb="33">
      <t>シャ</t>
    </rPh>
    <phoneticPr fontId="2"/>
  </si>
  <si>
    <t>日高・御坊版　3,000万円を稼ぐ　日本一の備長炭（写真　「かま立て」（生木を窯へ立てて詰めこむこと）と出荷を待つ備長炭の山）</t>
    <rPh sb="0" eb="2">
      <t>ヒダカ</t>
    </rPh>
    <rPh sb="3" eb="5">
      <t>ゴボウ</t>
    </rPh>
    <rPh sb="5" eb="6">
      <t>バン</t>
    </rPh>
    <rPh sb="12" eb="14">
      <t>マンエン</t>
    </rPh>
    <rPh sb="15" eb="16">
      <t>カセ</t>
    </rPh>
    <rPh sb="18" eb="21">
      <t>ニホンイチ</t>
    </rPh>
    <rPh sb="22" eb="25">
      <t>ビンチョウタン</t>
    </rPh>
    <rPh sb="26" eb="28">
      <t>シャシン</t>
    </rPh>
    <rPh sb="32" eb="33">
      <t>タ</t>
    </rPh>
    <rPh sb="36" eb="38">
      <t>ナマキ</t>
    </rPh>
    <rPh sb="39" eb="40">
      <t>カマ</t>
    </rPh>
    <rPh sb="41" eb="42">
      <t>タ</t>
    </rPh>
    <rPh sb="44" eb="45">
      <t>ツ</t>
    </rPh>
    <rPh sb="52" eb="54">
      <t>シュッカ</t>
    </rPh>
    <rPh sb="55" eb="56">
      <t>マ</t>
    </rPh>
    <rPh sb="57" eb="60">
      <t>ビンチョウズミ</t>
    </rPh>
    <rPh sb="61" eb="62">
      <t>ヤマ</t>
    </rPh>
    <phoneticPr fontId="2"/>
  </si>
  <si>
    <t>日高・御坊版　搾乳量５石余　経営の合理化へ　研究続ける切目川村の酪農（写真　乳牛の共進会風景）</t>
    <rPh sb="0" eb="2">
      <t>ヒダカ</t>
    </rPh>
    <rPh sb="3" eb="5">
      <t>ゴボウ</t>
    </rPh>
    <rPh sb="5" eb="6">
      <t>バン</t>
    </rPh>
    <rPh sb="7" eb="10">
      <t>サクニュウリョウ</t>
    </rPh>
    <rPh sb="11" eb="12">
      <t>セキ</t>
    </rPh>
    <rPh sb="12" eb="13">
      <t>アマ</t>
    </rPh>
    <rPh sb="14" eb="16">
      <t>ケイエイ</t>
    </rPh>
    <rPh sb="17" eb="20">
      <t>ゴウリカ</t>
    </rPh>
    <rPh sb="22" eb="24">
      <t>ケンキュウ</t>
    </rPh>
    <rPh sb="24" eb="25">
      <t>ツヅ</t>
    </rPh>
    <rPh sb="27" eb="30">
      <t>キリメガワ</t>
    </rPh>
    <rPh sb="30" eb="31">
      <t>ムラ</t>
    </rPh>
    <rPh sb="32" eb="34">
      <t>ラクノウ</t>
    </rPh>
    <rPh sb="35" eb="37">
      <t>シャシン</t>
    </rPh>
    <rPh sb="38" eb="40">
      <t>ニュウギュウ</t>
    </rPh>
    <rPh sb="41" eb="44">
      <t>キョウシンカイ</t>
    </rPh>
    <rPh sb="44" eb="46">
      <t>フウケイ</t>
    </rPh>
    <phoneticPr fontId="2"/>
  </si>
  <si>
    <t>日高・御坊版　新生活の体験記募集</t>
    <rPh sb="0" eb="2">
      <t>ヒダカ</t>
    </rPh>
    <rPh sb="3" eb="5">
      <t>ゴボウ</t>
    </rPh>
    <rPh sb="5" eb="6">
      <t>バン</t>
    </rPh>
    <rPh sb="7" eb="10">
      <t>シンセイカツ</t>
    </rPh>
    <rPh sb="11" eb="14">
      <t>タイケンキ</t>
    </rPh>
    <rPh sb="14" eb="16">
      <t>ボシュウ</t>
    </rPh>
    <phoneticPr fontId="2"/>
  </si>
  <si>
    <t>日高・御坊版　衣と住の改善など　友の会　盛大に研究発表会（写真　満員の会場）</t>
    <rPh sb="0" eb="2">
      <t>ヒダカ</t>
    </rPh>
    <rPh sb="3" eb="5">
      <t>ゴボウ</t>
    </rPh>
    <rPh sb="5" eb="6">
      <t>バン</t>
    </rPh>
    <rPh sb="7" eb="8">
      <t>イ</t>
    </rPh>
    <rPh sb="9" eb="10">
      <t>ジュウ</t>
    </rPh>
    <rPh sb="11" eb="13">
      <t>カイゼン</t>
    </rPh>
    <rPh sb="16" eb="17">
      <t>トモ</t>
    </rPh>
    <rPh sb="18" eb="19">
      <t>カイ</t>
    </rPh>
    <rPh sb="20" eb="22">
      <t>セイダイ</t>
    </rPh>
    <rPh sb="23" eb="25">
      <t>ケンキュウ</t>
    </rPh>
    <rPh sb="25" eb="28">
      <t>ハッピョウカイ</t>
    </rPh>
    <rPh sb="29" eb="31">
      <t>シャシン</t>
    </rPh>
    <rPh sb="32" eb="34">
      <t>マンイン</t>
    </rPh>
    <rPh sb="35" eb="37">
      <t>カイジョウ</t>
    </rPh>
    <phoneticPr fontId="2"/>
  </si>
  <si>
    <t>日高・御坊版　改善結婚で新しい人生へ（写真　よろこびの新郎新婦）</t>
    <rPh sb="0" eb="2">
      <t>ヒダカ</t>
    </rPh>
    <rPh sb="3" eb="5">
      <t>ゴボウ</t>
    </rPh>
    <rPh sb="5" eb="6">
      <t>バン</t>
    </rPh>
    <rPh sb="7" eb="9">
      <t>カイゼン</t>
    </rPh>
    <rPh sb="9" eb="11">
      <t>ケッコン</t>
    </rPh>
    <rPh sb="12" eb="13">
      <t>アタラ</t>
    </rPh>
    <rPh sb="15" eb="17">
      <t>ジンセイ</t>
    </rPh>
    <rPh sb="19" eb="21">
      <t>シャシン</t>
    </rPh>
    <rPh sb="27" eb="31">
      <t>シンロウシンプ</t>
    </rPh>
    <phoneticPr fontId="2"/>
  </si>
  <si>
    <t>日高・御坊版　粉食の奨励へ　川辺町で製パン講習会</t>
    <rPh sb="0" eb="2">
      <t>ヒダカ</t>
    </rPh>
    <rPh sb="3" eb="5">
      <t>ゴボウ</t>
    </rPh>
    <rPh sb="5" eb="6">
      <t>バン</t>
    </rPh>
    <rPh sb="7" eb="8">
      <t>コナ</t>
    </rPh>
    <rPh sb="8" eb="9">
      <t>ショク</t>
    </rPh>
    <rPh sb="10" eb="12">
      <t>ショウレイ</t>
    </rPh>
    <rPh sb="14" eb="17">
      <t>カワベチョウ</t>
    </rPh>
    <rPh sb="18" eb="19">
      <t>セイ</t>
    </rPh>
    <rPh sb="21" eb="24">
      <t>コウシュウカイ</t>
    </rPh>
    <phoneticPr fontId="2"/>
  </si>
  <si>
    <t>日高・御坊版　乳幼児検診始まる（写真　御坊市で）</t>
    <rPh sb="0" eb="2">
      <t>ヒダカ</t>
    </rPh>
    <rPh sb="3" eb="5">
      <t>ゴボウ</t>
    </rPh>
    <rPh sb="5" eb="6">
      <t>バン</t>
    </rPh>
    <rPh sb="7" eb="10">
      <t>ニュウヨウジ</t>
    </rPh>
    <rPh sb="10" eb="12">
      <t>ケンシン</t>
    </rPh>
    <rPh sb="12" eb="13">
      <t>ハジ</t>
    </rPh>
    <rPh sb="16" eb="18">
      <t>シャシン</t>
    </rPh>
    <rPh sb="19" eb="22">
      <t>ゴボウシ</t>
    </rPh>
    <phoneticPr fontId="2"/>
  </si>
  <si>
    <t>日高・御坊版　知事賞は出口君に　美浜町４Ｈの競犁大会</t>
    <rPh sb="0" eb="2">
      <t>ヒダカ</t>
    </rPh>
    <rPh sb="3" eb="5">
      <t>ゴボウ</t>
    </rPh>
    <rPh sb="5" eb="6">
      <t>バン</t>
    </rPh>
    <rPh sb="7" eb="10">
      <t>チジショウ</t>
    </rPh>
    <rPh sb="11" eb="13">
      <t>デグチ</t>
    </rPh>
    <rPh sb="13" eb="14">
      <t>クン</t>
    </rPh>
    <rPh sb="16" eb="19">
      <t>ミハマチョウ</t>
    </rPh>
    <rPh sb="22" eb="23">
      <t>セリ</t>
    </rPh>
    <rPh sb="23" eb="24">
      <t>スキ</t>
    </rPh>
    <rPh sb="24" eb="26">
      <t>タイカイ</t>
    </rPh>
    <phoneticPr fontId="2"/>
  </si>
  <si>
    <t>西牟婁・田辺版　のびゆく西牟婁　電源開発　新生する三川村　殿山発電平面図</t>
    <rPh sb="0" eb="3">
      <t>ニシムロ</t>
    </rPh>
    <rPh sb="4" eb="6">
      <t>タナベ</t>
    </rPh>
    <rPh sb="6" eb="7">
      <t>バン</t>
    </rPh>
    <rPh sb="12" eb="15">
      <t>ニシムロ</t>
    </rPh>
    <rPh sb="16" eb="18">
      <t>デンゲン</t>
    </rPh>
    <rPh sb="18" eb="20">
      <t>カイハツ</t>
    </rPh>
    <rPh sb="21" eb="23">
      <t>シンセイ</t>
    </rPh>
    <rPh sb="25" eb="28">
      <t>ミカワムラ</t>
    </rPh>
    <rPh sb="29" eb="31">
      <t>トノヤマ</t>
    </rPh>
    <rPh sb="31" eb="33">
      <t>ハツデン</t>
    </rPh>
    <rPh sb="33" eb="36">
      <t>ヘイメンズ</t>
    </rPh>
    <phoneticPr fontId="2"/>
  </si>
  <si>
    <t>西牟婁・田辺版　のびゆく西牟婁　治山（写真　施工前　施工後四カ月目）</t>
    <rPh sb="0" eb="3">
      <t>ニシムロ</t>
    </rPh>
    <rPh sb="4" eb="6">
      <t>タナベ</t>
    </rPh>
    <rPh sb="6" eb="7">
      <t>バン</t>
    </rPh>
    <rPh sb="12" eb="15">
      <t>ニシムロ</t>
    </rPh>
    <rPh sb="16" eb="17">
      <t>ナオ</t>
    </rPh>
    <rPh sb="17" eb="18">
      <t>ヤマ</t>
    </rPh>
    <rPh sb="19" eb="21">
      <t>シャシン</t>
    </rPh>
    <rPh sb="22" eb="25">
      <t>セコウマエ</t>
    </rPh>
    <rPh sb="26" eb="29">
      <t>セコウゴ</t>
    </rPh>
    <rPh sb="29" eb="30">
      <t>4</t>
    </rPh>
    <rPh sb="31" eb="32">
      <t>ゲツ</t>
    </rPh>
    <rPh sb="32" eb="33">
      <t>メ</t>
    </rPh>
    <phoneticPr fontId="2"/>
  </si>
  <si>
    <t>西牟婁・田辺版　のびゆく西牟婁　産業　栽培進む福原オレンジ（写真　オレンジ園　三栖村の熊野牛　第二回アラフラ海出漁船団）</t>
    <rPh sb="0" eb="3">
      <t>ニシムロ</t>
    </rPh>
    <rPh sb="4" eb="6">
      <t>タナベ</t>
    </rPh>
    <rPh sb="6" eb="7">
      <t>バン</t>
    </rPh>
    <rPh sb="12" eb="15">
      <t>ニシムロ</t>
    </rPh>
    <rPh sb="16" eb="18">
      <t>サンギョウ</t>
    </rPh>
    <rPh sb="19" eb="21">
      <t>サイバイ</t>
    </rPh>
    <rPh sb="21" eb="22">
      <t>スス</t>
    </rPh>
    <rPh sb="23" eb="25">
      <t>フクハラ</t>
    </rPh>
    <rPh sb="30" eb="32">
      <t>シャシン</t>
    </rPh>
    <rPh sb="37" eb="38">
      <t>エン</t>
    </rPh>
    <rPh sb="39" eb="41">
      <t>ミス</t>
    </rPh>
    <rPh sb="41" eb="42">
      <t>ムラ</t>
    </rPh>
    <rPh sb="43" eb="45">
      <t>クマノ</t>
    </rPh>
    <rPh sb="45" eb="46">
      <t>ギュウ</t>
    </rPh>
    <rPh sb="47" eb="48">
      <t>ダイ</t>
    </rPh>
    <rPh sb="48" eb="49">
      <t>2</t>
    </rPh>
    <rPh sb="49" eb="50">
      <t>カイ</t>
    </rPh>
    <rPh sb="54" eb="55">
      <t>カイ</t>
    </rPh>
    <rPh sb="55" eb="57">
      <t>シュツリョウ</t>
    </rPh>
    <rPh sb="57" eb="59">
      <t>センダン</t>
    </rPh>
    <phoneticPr fontId="2"/>
  </si>
  <si>
    <t>西牟婁・田辺版　のびゆく西牟婁　橋梁　近代化する日置川ライン　ロケ谷橋　安居橋　安宅橋（写真　完成近いロケ谷橋）</t>
    <rPh sb="0" eb="3">
      <t>ニシムロ</t>
    </rPh>
    <rPh sb="4" eb="6">
      <t>タナベ</t>
    </rPh>
    <rPh sb="6" eb="7">
      <t>バン</t>
    </rPh>
    <rPh sb="12" eb="15">
      <t>ニシムロ</t>
    </rPh>
    <rPh sb="16" eb="18">
      <t>キョウリョウ</t>
    </rPh>
    <rPh sb="19" eb="22">
      <t>キンダイカ</t>
    </rPh>
    <rPh sb="24" eb="27">
      <t>ヒキガワ</t>
    </rPh>
    <rPh sb="33" eb="34">
      <t>タニ</t>
    </rPh>
    <rPh sb="34" eb="35">
      <t>ハシ</t>
    </rPh>
    <rPh sb="36" eb="38">
      <t>ヤスイ</t>
    </rPh>
    <rPh sb="38" eb="39">
      <t>ハシ</t>
    </rPh>
    <rPh sb="40" eb="41">
      <t>アン</t>
    </rPh>
    <rPh sb="41" eb="42">
      <t>タク</t>
    </rPh>
    <rPh sb="42" eb="43">
      <t>バシ</t>
    </rPh>
    <rPh sb="44" eb="46">
      <t>シャシン</t>
    </rPh>
    <rPh sb="47" eb="49">
      <t>カンセイ</t>
    </rPh>
    <rPh sb="49" eb="50">
      <t>チカ</t>
    </rPh>
    <rPh sb="53" eb="54">
      <t>タニ</t>
    </rPh>
    <rPh sb="54" eb="55">
      <t>ハシ</t>
    </rPh>
    <phoneticPr fontId="2"/>
  </si>
  <si>
    <t>西牟婁・田辺版　新生活各地で実践へ（写真　朝来村の新生活様式による結婚風景）</t>
    <rPh sb="0" eb="3">
      <t>ニシムロ</t>
    </rPh>
    <rPh sb="4" eb="6">
      <t>タナベ</t>
    </rPh>
    <rPh sb="6" eb="7">
      <t>バン</t>
    </rPh>
    <rPh sb="8" eb="11">
      <t>シンセイカツ</t>
    </rPh>
    <rPh sb="11" eb="13">
      <t>カクチ</t>
    </rPh>
    <rPh sb="14" eb="16">
      <t>ジッセン</t>
    </rPh>
    <rPh sb="18" eb="20">
      <t>シャシン</t>
    </rPh>
    <rPh sb="21" eb="23">
      <t>アッソ</t>
    </rPh>
    <rPh sb="23" eb="24">
      <t>ムラ</t>
    </rPh>
    <rPh sb="25" eb="28">
      <t>シンセイカツ</t>
    </rPh>
    <rPh sb="28" eb="30">
      <t>ヨウシキ</t>
    </rPh>
    <rPh sb="33" eb="35">
      <t>ケッコン</t>
    </rPh>
    <rPh sb="35" eb="37">
      <t>フウケイ</t>
    </rPh>
    <phoneticPr fontId="2"/>
  </si>
  <si>
    <t>西牟婁・田辺版　上秋津で婦人座談会</t>
    <rPh sb="0" eb="3">
      <t>ニシムロ</t>
    </rPh>
    <rPh sb="4" eb="6">
      <t>タナベ</t>
    </rPh>
    <rPh sb="6" eb="7">
      <t>バン</t>
    </rPh>
    <rPh sb="8" eb="11">
      <t>カミアキヅ</t>
    </rPh>
    <rPh sb="12" eb="14">
      <t>フジン</t>
    </rPh>
    <rPh sb="14" eb="17">
      <t>ザダンカイ</t>
    </rPh>
    <phoneticPr fontId="2"/>
  </si>
  <si>
    <t>西牟婁・田辺版　新生活運動体験記募集</t>
    <rPh sb="0" eb="3">
      <t>ニシムロ</t>
    </rPh>
    <rPh sb="4" eb="6">
      <t>タナベ</t>
    </rPh>
    <rPh sb="6" eb="7">
      <t>バン</t>
    </rPh>
    <rPh sb="8" eb="18">
      <t>シンセイカツウンドウタイケンキボシュウ</t>
    </rPh>
    <phoneticPr fontId="2"/>
  </si>
  <si>
    <t>西牟婁・田辺版　母子家庭に光と職を　西牟婁郡担当婦人福祉司　宮本きみ</t>
    <rPh sb="0" eb="3">
      <t>ニシムロ</t>
    </rPh>
    <rPh sb="4" eb="6">
      <t>タナベ</t>
    </rPh>
    <rPh sb="6" eb="7">
      <t>バン</t>
    </rPh>
    <rPh sb="8" eb="10">
      <t>ボシ</t>
    </rPh>
    <rPh sb="10" eb="12">
      <t>カテイ</t>
    </rPh>
    <rPh sb="13" eb="14">
      <t>ヒカリ</t>
    </rPh>
    <rPh sb="15" eb="16">
      <t>ショク</t>
    </rPh>
    <rPh sb="18" eb="22">
      <t>ニシムログン</t>
    </rPh>
    <rPh sb="22" eb="24">
      <t>タントウ</t>
    </rPh>
    <rPh sb="24" eb="26">
      <t>フジン</t>
    </rPh>
    <rPh sb="26" eb="29">
      <t>フクシシ</t>
    </rPh>
    <rPh sb="30" eb="32">
      <t>ミヤモト</t>
    </rPh>
    <phoneticPr fontId="2"/>
  </si>
  <si>
    <t>東牟婁・新宮版　自立再建県民運動の足跡を展望する</t>
    <rPh sb="0" eb="3">
      <t>ヒガシムロ</t>
    </rPh>
    <rPh sb="4" eb="6">
      <t>シングウ</t>
    </rPh>
    <rPh sb="6" eb="7">
      <t>バン</t>
    </rPh>
    <rPh sb="8" eb="10">
      <t>ジリツ</t>
    </rPh>
    <rPh sb="10" eb="12">
      <t>サイケン</t>
    </rPh>
    <rPh sb="12" eb="14">
      <t>ケンミン</t>
    </rPh>
    <rPh sb="14" eb="16">
      <t>ウンドウ</t>
    </rPh>
    <rPh sb="17" eb="19">
      <t>ソクセキ</t>
    </rPh>
    <rPh sb="20" eb="22">
      <t>テンボウ</t>
    </rPh>
    <phoneticPr fontId="2"/>
  </si>
  <si>
    <t>東牟婁・新宮版　出来上がった新宮相筋町の護岸（写真）</t>
    <rPh sb="0" eb="3">
      <t>ヒガシムロ</t>
    </rPh>
    <rPh sb="4" eb="6">
      <t>シングウ</t>
    </rPh>
    <rPh sb="6" eb="7">
      <t>バン</t>
    </rPh>
    <rPh sb="8" eb="11">
      <t>デキア</t>
    </rPh>
    <rPh sb="14" eb="16">
      <t>シングウ</t>
    </rPh>
    <rPh sb="16" eb="18">
      <t>アイスジ</t>
    </rPh>
    <rPh sb="18" eb="19">
      <t>マチ</t>
    </rPh>
    <rPh sb="20" eb="22">
      <t>ゴガン</t>
    </rPh>
    <rPh sb="23" eb="25">
      <t>シャシン</t>
    </rPh>
    <phoneticPr fontId="2"/>
  </si>
  <si>
    <t>東牟婁・新宮版　モデル村を中心に　産業振興計画軌道へ　七川村　大島村　三津ノ村</t>
    <rPh sb="0" eb="3">
      <t>ヒガシムロ</t>
    </rPh>
    <rPh sb="4" eb="6">
      <t>シングウ</t>
    </rPh>
    <rPh sb="6" eb="7">
      <t>バン</t>
    </rPh>
    <rPh sb="11" eb="12">
      <t>ムラ</t>
    </rPh>
    <rPh sb="13" eb="15">
      <t>チュウシン</t>
    </rPh>
    <rPh sb="17" eb="19">
      <t>サンギョウ</t>
    </rPh>
    <rPh sb="19" eb="21">
      <t>シンコウ</t>
    </rPh>
    <rPh sb="21" eb="23">
      <t>ケイカク</t>
    </rPh>
    <rPh sb="23" eb="25">
      <t>キドウ</t>
    </rPh>
    <rPh sb="27" eb="28">
      <t>シチ</t>
    </rPh>
    <rPh sb="28" eb="30">
      <t>カワムラ</t>
    </rPh>
    <rPh sb="31" eb="34">
      <t>オオシマムラ</t>
    </rPh>
    <rPh sb="35" eb="37">
      <t>ミツ</t>
    </rPh>
    <rPh sb="38" eb="39">
      <t>ムラ</t>
    </rPh>
    <phoneticPr fontId="2"/>
  </si>
  <si>
    <t>東牟婁・新宮版　水不足も解消　三津ノ村赤木井堰完成（写真）</t>
    <rPh sb="0" eb="3">
      <t>ヒガシムロ</t>
    </rPh>
    <rPh sb="4" eb="6">
      <t>シングウ</t>
    </rPh>
    <rPh sb="6" eb="7">
      <t>バン</t>
    </rPh>
    <rPh sb="8" eb="11">
      <t>ミズブソク</t>
    </rPh>
    <rPh sb="12" eb="14">
      <t>カイショウ</t>
    </rPh>
    <rPh sb="15" eb="17">
      <t>ミツ</t>
    </rPh>
    <rPh sb="18" eb="19">
      <t>ムラ</t>
    </rPh>
    <rPh sb="19" eb="21">
      <t>アカギ</t>
    </rPh>
    <rPh sb="21" eb="23">
      <t>イセキ</t>
    </rPh>
    <rPh sb="23" eb="25">
      <t>カンセイ</t>
    </rPh>
    <rPh sb="26" eb="28">
      <t>シャシン</t>
    </rPh>
    <phoneticPr fontId="2"/>
  </si>
  <si>
    <t>東牟婁・新宮版　各地で主婦の集い　大きな反響を呼ぶ新生活運動　結納金は全廃（写真　新宮公民館で"主婦のつどい"　勝浦町の"若人の集い"</t>
    <rPh sb="0" eb="3">
      <t>ヒガシムロ</t>
    </rPh>
    <rPh sb="4" eb="6">
      <t>シングウ</t>
    </rPh>
    <rPh sb="6" eb="7">
      <t>バン</t>
    </rPh>
    <rPh sb="8" eb="10">
      <t>カクチ</t>
    </rPh>
    <rPh sb="11" eb="13">
      <t>シュフ</t>
    </rPh>
    <rPh sb="14" eb="15">
      <t>ツド</t>
    </rPh>
    <rPh sb="17" eb="18">
      <t>オオ</t>
    </rPh>
    <rPh sb="20" eb="22">
      <t>ハンキョウ</t>
    </rPh>
    <rPh sb="23" eb="24">
      <t>ヨ</t>
    </rPh>
    <rPh sb="25" eb="30">
      <t>シンセイカツウンドウ</t>
    </rPh>
    <rPh sb="31" eb="34">
      <t>ユイノウキン</t>
    </rPh>
    <rPh sb="35" eb="37">
      <t>ゼンパイ</t>
    </rPh>
    <rPh sb="38" eb="40">
      <t>シャシン</t>
    </rPh>
    <rPh sb="41" eb="43">
      <t>シングウ</t>
    </rPh>
    <rPh sb="43" eb="46">
      <t>コウミンカン</t>
    </rPh>
    <rPh sb="48" eb="50">
      <t>シュフ</t>
    </rPh>
    <rPh sb="56" eb="59">
      <t>カツウラチョウ</t>
    </rPh>
    <rPh sb="61" eb="63">
      <t>ワコウド</t>
    </rPh>
    <rPh sb="64" eb="65">
      <t>ツド</t>
    </rPh>
    <phoneticPr fontId="2"/>
  </si>
  <si>
    <t>東牟婁・新宮版　新生活運動体験記募集</t>
    <rPh sb="0" eb="3">
      <t>ヒガシムロ</t>
    </rPh>
    <rPh sb="4" eb="6">
      <t>シングウ</t>
    </rPh>
    <rPh sb="6" eb="7">
      <t>バン</t>
    </rPh>
    <rPh sb="8" eb="11">
      <t>シンセイカツ</t>
    </rPh>
    <rPh sb="11" eb="13">
      <t>ウンドウ</t>
    </rPh>
    <rPh sb="13" eb="18">
      <t>タイケンキボシュウ</t>
    </rPh>
    <phoneticPr fontId="2"/>
  </si>
  <si>
    <t>東牟婁・新宮版　ハシカ今年は流行期です</t>
    <rPh sb="0" eb="3">
      <t>ヒガシムロ</t>
    </rPh>
    <rPh sb="4" eb="6">
      <t>シングウ</t>
    </rPh>
    <rPh sb="6" eb="7">
      <t>バン</t>
    </rPh>
    <rPh sb="11" eb="13">
      <t>コトシ</t>
    </rPh>
    <rPh sb="14" eb="17">
      <t>リュウコウキ</t>
    </rPh>
    <phoneticPr fontId="2"/>
  </si>
  <si>
    <t>東牟婁・新宮版　町村めぐり　三津ノ村の巻</t>
    <rPh sb="0" eb="3">
      <t>ヒガシムロ</t>
    </rPh>
    <rPh sb="4" eb="6">
      <t>シングウ</t>
    </rPh>
    <rPh sb="6" eb="7">
      <t>バン</t>
    </rPh>
    <rPh sb="8" eb="10">
      <t>チョウソン</t>
    </rPh>
    <rPh sb="14" eb="16">
      <t>ミツ</t>
    </rPh>
    <rPh sb="17" eb="18">
      <t>ムラ</t>
    </rPh>
    <rPh sb="19" eb="20">
      <t>マキ</t>
    </rPh>
    <phoneticPr fontId="2"/>
  </si>
  <si>
    <t>期日迫る地方選挙　知事・県議と四市九七町村で</t>
    <rPh sb="0" eb="2">
      <t>キジツ</t>
    </rPh>
    <rPh sb="2" eb="3">
      <t>セマ</t>
    </rPh>
    <rPh sb="4" eb="6">
      <t>チホウ</t>
    </rPh>
    <rPh sb="6" eb="8">
      <t>センキョ</t>
    </rPh>
    <rPh sb="9" eb="11">
      <t>チジ</t>
    </rPh>
    <rPh sb="12" eb="14">
      <t>ケンギ</t>
    </rPh>
    <rPh sb="15" eb="16">
      <t>4</t>
    </rPh>
    <rPh sb="16" eb="17">
      <t>シ</t>
    </rPh>
    <rPh sb="17" eb="19">
      <t>97</t>
    </rPh>
    <rPh sb="19" eb="21">
      <t>チョウソン</t>
    </rPh>
    <phoneticPr fontId="2"/>
  </si>
  <si>
    <t>優良消防団など表彰（写真　伝達式）</t>
    <rPh sb="0" eb="2">
      <t>ユウリョウ</t>
    </rPh>
    <rPh sb="2" eb="5">
      <t>ショウボウダン</t>
    </rPh>
    <rPh sb="7" eb="9">
      <t>ヒョウショウ</t>
    </rPh>
    <rPh sb="10" eb="12">
      <t>シャシン</t>
    </rPh>
    <rPh sb="13" eb="16">
      <t>デンタツシキ</t>
    </rPh>
    <phoneticPr fontId="2"/>
  </si>
  <si>
    <t>小野知事、退任式で庁員に挨拶</t>
    <rPh sb="0" eb="2">
      <t>オノ</t>
    </rPh>
    <rPh sb="2" eb="4">
      <t>チジ</t>
    </rPh>
    <rPh sb="5" eb="7">
      <t>タイニン</t>
    </rPh>
    <rPh sb="7" eb="8">
      <t>シキ</t>
    </rPh>
    <rPh sb="9" eb="11">
      <t>チョウイン</t>
    </rPh>
    <rPh sb="12" eb="14">
      <t>アイサツ</t>
    </rPh>
    <phoneticPr fontId="2"/>
  </si>
  <si>
    <t>好評裡に水産展終る（写真　会場の丸正百貨店）</t>
    <rPh sb="0" eb="2">
      <t>コウヒョウ</t>
    </rPh>
    <rPh sb="2" eb="3">
      <t>リ</t>
    </rPh>
    <rPh sb="4" eb="6">
      <t>スイサン</t>
    </rPh>
    <rPh sb="6" eb="7">
      <t>テン</t>
    </rPh>
    <rPh sb="7" eb="8">
      <t>オワ</t>
    </rPh>
    <rPh sb="10" eb="12">
      <t>シャシン</t>
    </rPh>
    <rPh sb="13" eb="15">
      <t>カイジョウ</t>
    </rPh>
    <rPh sb="16" eb="18">
      <t>マルショウ</t>
    </rPh>
    <rPh sb="18" eb="21">
      <t>ヒャッカテン</t>
    </rPh>
    <phoneticPr fontId="2"/>
  </si>
  <si>
    <t>めでたく修了式　県産業開発青年隊</t>
    <rPh sb="4" eb="7">
      <t>シュウリョウシキ</t>
    </rPh>
    <rPh sb="8" eb="9">
      <t>ケン</t>
    </rPh>
    <rPh sb="9" eb="11">
      <t>サンギョウ</t>
    </rPh>
    <rPh sb="11" eb="13">
      <t>カイハツ</t>
    </rPh>
    <rPh sb="13" eb="16">
      <t>セイネンタイ</t>
    </rPh>
    <phoneticPr fontId="2"/>
  </si>
  <si>
    <t>和歌山県都市計画審議会開く</t>
    <rPh sb="0" eb="4">
      <t>ワカヤマケン</t>
    </rPh>
    <rPh sb="4" eb="6">
      <t>トシ</t>
    </rPh>
    <rPh sb="6" eb="8">
      <t>ケイカク</t>
    </rPh>
    <rPh sb="8" eb="11">
      <t>シンギカイ</t>
    </rPh>
    <rPh sb="11" eb="12">
      <t>ヒラ</t>
    </rPh>
    <phoneticPr fontId="2"/>
  </si>
  <si>
    <t>貯蓄推進ポスター入選きまる</t>
    <rPh sb="0" eb="2">
      <t>チョチク</t>
    </rPh>
    <rPh sb="2" eb="4">
      <t>スイシン</t>
    </rPh>
    <rPh sb="8" eb="10">
      <t>ニュウセン</t>
    </rPh>
    <phoneticPr fontId="2"/>
  </si>
  <si>
    <t>三月の庁内見学</t>
    <rPh sb="0" eb="1">
      <t>3</t>
    </rPh>
    <rPh sb="1" eb="2">
      <t>ガツ</t>
    </rPh>
    <rPh sb="3" eb="5">
      <t>チョウナイ</t>
    </rPh>
    <rPh sb="5" eb="7">
      <t>ケンガク</t>
    </rPh>
    <phoneticPr fontId="2"/>
  </si>
  <si>
    <t>母子家庭の皆さん！　民生部婦人児童課</t>
    <rPh sb="0" eb="4">
      <t>ボシカテイ</t>
    </rPh>
    <rPh sb="5" eb="6">
      <t>ミナ</t>
    </rPh>
    <rPh sb="10" eb="13">
      <t>ミンセイブ</t>
    </rPh>
    <rPh sb="13" eb="15">
      <t>フジン</t>
    </rPh>
    <rPh sb="15" eb="18">
      <t>ジドウカ</t>
    </rPh>
    <phoneticPr fontId="2"/>
  </si>
  <si>
    <t>うっかり選ぶなしっかり選べ　４月２３日知事、県議会議員　４月３０日市町村長、市町村議会議員</t>
    <rPh sb="4" eb="5">
      <t>エラ</t>
    </rPh>
    <rPh sb="11" eb="12">
      <t>エラ</t>
    </rPh>
    <rPh sb="15" eb="16">
      <t>ガツ</t>
    </rPh>
    <rPh sb="18" eb="19">
      <t>ニチ</t>
    </rPh>
    <rPh sb="19" eb="21">
      <t>チジ</t>
    </rPh>
    <rPh sb="22" eb="23">
      <t>ケン</t>
    </rPh>
    <rPh sb="23" eb="25">
      <t>ギカイ</t>
    </rPh>
    <rPh sb="25" eb="27">
      <t>ギイン</t>
    </rPh>
    <rPh sb="29" eb="30">
      <t>ガツ</t>
    </rPh>
    <rPh sb="32" eb="33">
      <t>ニチ</t>
    </rPh>
    <rPh sb="33" eb="37">
      <t>シチョウソンチョウ</t>
    </rPh>
    <rPh sb="38" eb="41">
      <t>シチョウソン</t>
    </rPh>
    <rPh sb="41" eb="43">
      <t>ギカイ</t>
    </rPh>
    <rPh sb="43" eb="45">
      <t>ギイン</t>
    </rPh>
    <phoneticPr fontId="2"/>
  </si>
  <si>
    <t>改善結婚へ粋な計らい　新婚旅行の宿泊料を二割引</t>
    <rPh sb="0" eb="2">
      <t>カイゼン</t>
    </rPh>
    <rPh sb="2" eb="4">
      <t>ケッコン</t>
    </rPh>
    <rPh sb="5" eb="6">
      <t>イキ</t>
    </rPh>
    <rPh sb="7" eb="8">
      <t>ハカ</t>
    </rPh>
    <rPh sb="11" eb="13">
      <t>シンコン</t>
    </rPh>
    <rPh sb="13" eb="15">
      <t>リョコウ</t>
    </rPh>
    <rPh sb="16" eb="19">
      <t>シュクハクリョウ</t>
    </rPh>
    <rPh sb="20" eb="23">
      <t>2ワリビキ</t>
    </rPh>
    <phoneticPr fontId="2"/>
  </si>
  <si>
    <t>農村モデル住宅　各郡に建設</t>
    <rPh sb="0" eb="2">
      <t>ノウソン</t>
    </rPh>
    <rPh sb="5" eb="7">
      <t>ジュウタク</t>
    </rPh>
    <rPh sb="8" eb="10">
      <t>カクグン</t>
    </rPh>
    <rPh sb="11" eb="13">
      <t>ケンセツ</t>
    </rPh>
    <phoneticPr fontId="2"/>
  </si>
  <si>
    <t>生石高原　県立公園に指定（写真）</t>
    <rPh sb="0" eb="2">
      <t>オイシ</t>
    </rPh>
    <rPh sb="2" eb="4">
      <t>コウゲン</t>
    </rPh>
    <rPh sb="5" eb="7">
      <t>ケンリツ</t>
    </rPh>
    <rPh sb="7" eb="9">
      <t>コウエン</t>
    </rPh>
    <rPh sb="10" eb="12">
      <t>シテイ</t>
    </rPh>
    <rPh sb="13" eb="15">
      <t>シャシン</t>
    </rPh>
    <phoneticPr fontId="2"/>
  </si>
  <si>
    <t>井戸水と衛生</t>
    <rPh sb="0" eb="3">
      <t>イドミズ</t>
    </rPh>
    <rPh sb="4" eb="6">
      <t>エイセイ</t>
    </rPh>
    <phoneticPr fontId="2"/>
  </si>
  <si>
    <t>自動車　登録は確実に廃車や売買済も</t>
    <rPh sb="0" eb="3">
      <t>ジドウシャ</t>
    </rPh>
    <rPh sb="4" eb="6">
      <t>トウロク</t>
    </rPh>
    <rPh sb="7" eb="9">
      <t>カクジツ</t>
    </rPh>
    <rPh sb="10" eb="12">
      <t>ハイシャ</t>
    </rPh>
    <rPh sb="13" eb="15">
      <t>バイバイ</t>
    </rPh>
    <rPh sb="15" eb="16">
      <t>スミ</t>
    </rPh>
    <phoneticPr fontId="2"/>
  </si>
  <si>
    <t>インド婦人団　県下で生活改善の研究（写真　台所を視察するインド婦人たち）</t>
    <rPh sb="3" eb="6">
      <t>フジンダン</t>
    </rPh>
    <rPh sb="7" eb="9">
      <t>ケンカ</t>
    </rPh>
    <rPh sb="10" eb="12">
      <t>セイカツ</t>
    </rPh>
    <rPh sb="12" eb="14">
      <t>カイゼン</t>
    </rPh>
    <rPh sb="15" eb="17">
      <t>ケンキュウ</t>
    </rPh>
    <rPh sb="18" eb="20">
      <t>シャシン</t>
    </rPh>
    <rPh sb="21" eb="23">
      <t>ダイドコロ</t>
    </rPh>
    <rPh sb="24" eb="26">
      <t>シサツ</t>
    </rPh>
    <rPh sb="31" eb="33">
      <t>フジン</t>
    </rPh>
    <phoneticPr fontId="2"/>
  </si>
  <si>
    <t>選挙に議論集中　盛況だった婦人大会</t>
    <rPh sb="0" eb="2">
      <t>センキョ</t>
    </rPh>
    <rPh sb="3" eb="5">
      <t>ギロン</t>
    </rPh>
    <rPh sb="5" eb="7">
      <t>シュウチュウ</t>
    </rPh>
    <rPh sb="8" eb="10">
      <t>セイキョウ</t>
    </rPh>
    <rPh sb="13" eb="15">
      <t>フジン</t>
    </rPh>
    <rPh sb="15" eb="17">
      <t>タイカイ</t>
    </rPh>
    <phoneticPr fontId="2"/>
  </si>
  <si>
    <t>心あらたに地方選挙に臨みましょう　公明選挙運動と選挙違反</t>
    <rPh sb="0" eb="1">
      <t>ココロ</t>
    </rPh>
    <rPh sb="5" eb="7">
      <t>チホウ</t>
    </rPh>
    <rPh sb="7" eb="9">
      <t>センキョ</t>
    </rPh>
    <rPh sb="10" eb="11">
      <t>ノゾ</t>
    </rPh>
    <rPh sb="17" eb="19">
      <t>コウメイ</t>
    </rPh>
    <rPh sb="19" eb="21">
      <t>センキョ</t>
    </rPh>
    <rPh sb="21" eb="23">
      <t>ウンドウ</t>
    </rPh>
    <rPh sb="24" eb="26">
      <t>センキョ</t>
    </rPh>
    <rPh sb="26" eb="28">
      <t>イハン</t>
    </rPh>
    <phoneticPr fontId="2"/>
  </si>
  <si>
    <t>茶の自給自足へ　十九万本の苗木を導入</t>
    <rPh sb="0" eb="1">
      <t>チャ</t>
    </rPh>
    <rPh sb="2" eb="6">
      <t>ジキュウジソク</t>
    </rPh>
    <rPh sb="8" eb="12">
      <t>19マンボン</t>
    </rPh>
    <rPh sb="13" eb="15">
      <t>ナエギ</t>
    </rPh>
    <rPh sb="16" eb="18">
      <t>ドウニュウ</t>
    </rPh>
    <phoneticPr fontId="2"/>
  </si>
  <si>
    <t>調理士試験実施</t>
    <rPh sb="0" eb="2">
      <t>チョウリ</t>
    </rPh>
    <rPh sb="2" eb="3">
      <t>シ</t>
    </rPh>
    <rPh sb="3" eb="5">
      <t>シケン</t>
    </rPh>
    <rPh sb="5" eb="7">
      <t>ジッシ</t>
    </rPh>
    <phoneticPr fontId="2"/>
  </si>
  <si>
    <t>良くなった白炭　第二回林産物品評会おわる（写真　田辺市公会堂）</t>
    <rPh sb="0" eb="1">
      <t>ヨ</t>
    </rPh>
    <rPh sb="5" eb="6">
      <t>シロ</t>
    </rPh>
    <rPh sb="6" eb="7">
      <t>スミ</t>
    </rPh>
    <rPh sb="8" eb="9">
      <t>ダイ</t>
    </rPh>
    <rPh sb="9" eb="10">
      <t>2</t>
    </rPh>
    <rPh sb="10" eb="11">
      <t>カイ</t>
    </rPh>
    <rPh sb="11" eb="14">
      <t>リンサンブツ</t>
    </rPh>
    <rPh sb="14" eb="17">
      <t>ヒンピョウカイ</t>
    </rPh>
    <rPh sb="21" eb="23">
      <t>シャシン</t>
    </rPh>
    <rPh sb="24" eb="27">
      <t>タナベシ</t>
    </rPh>
    <rPh sb="27" eb="30">
      <t>コウカイドウ</t>
    </rPh>
    <phoneticPr fontId="2"/>
  </si>
  <si>
    <t>第七回婦人週間　４月１０日～４月１６日</t>
    <rPh sb="0" eb="1">
      <t>ダイ</t>
    </rPh>
    <rPh sb="1" eb="2">
      <t>7</t>
    </rPh>
    <rPh sb="2" eb="3">
      <t>カイ</t>
    </rPh>
    <rPh sb="3" eb="5">
      <t>フジン</t>
    </rPh>
    <rPh sb="5" eb="7">
      <t>シュウカン</t>
    </rPh>
    <rPh sb="9" eb="10">
      <t>ガツ</t>
    </rPh>
    <rPh sb="12" eb="13">
      <t>ヒ</t>
    </rPh>
    <rPh sb="15" eb="16">
      <t>ガツ</t>
    </rPh>
    <rPh sb="18" eb="19">
      <t>ニチ</t>
    </rPh>
    <phoneticPr fontId="2"/>
  </si>
  <si>
    <t>市内版　城北橋完成す（写真）</t>
    <rPh sb="0" eb="2">
      <t>シナイ</t>
    </rPh>
    <rPh sb="2" eb="3">
      <t>バン</t>
    </rPh>
    <rPh sb="4" eb="7">
      <t>ジョウホクバシ</t>
    </rPh>
    <rPh sb="7" eb="9">
      <t>カンセイ</t>
    </rPh>
    <rPh sb="11" eb="13">
      <t>シャシン</t>
    </rPh>
    <phoneticPr fontId="2"/>
  </si>
  <si>
    <t>市内版　自発的に募金して「不幸な人たちにどうぞ」（写真　婦人児童課を訪れた本町小学校のよい子たち）</t>
    <rPh sb="0" eb="2">
      <t>シナイ</t>
    </rPh>
    <rPh sb="2" eb="3">
      <t>バン</t>
    </rPh>
    <rPh sb="4" eb="7">
      <t>ジハツテキ</t>
    </rPh>
    <rPh sb="8" eb="10">
      <t>ボキン</t>
    </rPh>
    <rPh sb="13" eb="15">
      <t>フコウ</t>
    </rPh>
    <rPh sb="16" eb="17">
      <t>ヒト</t>
    </rPh>
    <rPh sb="25" eb="27">
      <t>シャシン</t>
    </rPh>
    <rPh sb="28" eb="30">
      <t>フジン</t>
    </rPh>
    <rPh sb="30" eb="33">
      <t>ジドウカ</t>
    </rPh>
    <rPh sb="34" eb="35">
      <t>オトズ</t>
    </rPh>
    <rPh sb="37" eb="39">
      <t>ホンマチ</t>
    </rPh>
    <rPh sb="39" eb="42">
      <t>ショウガッコウ</t>
    </rPh>
    <rPh sb="45" eb="46">
      <t>コ</t>
    </rPh>
    <phoneticPr fontId="2"/>
  </si>
  <si>
    <t>市内版　身体障害者更生指導所工事進む</t>
    <rPh sb="0" eb="2">
      <t>シナイ</t>
    </rPh>
    <rPh sb="2" eb="3">
      <t>バン</t>
    </rPh>
    <rPh sb="4" eb="6">
      <t>シンタイ</t>
    </rPh>
    <rPh sb="6" eb="9">
      <t>ショウガイシャ</t>
    </rPh>
    <rPh sb="9" eb="11">
      <t>コウセイ</t>
    </rPh>
    <rPh sb="11" eb="14">
      <t>シドウジョ</t>
    </rPh>
    <rPh sb="14" eb="16">
      <t>コウジ</t>
    </rPh>
    <rPh sb="16" eb="17">
      <t>スス</t>
    </rPh>
    <phoneticPr fontId="2"/>
  </si>
  <si>
    <t>市内版　県営分譲住宅　３０戸建設を予定</t>
    <rPh sb="0" eb="2">
      <t>シナイ</t>
    </rPh>
    <rPh sb="2" eb="3">
      <t>バン</t>
    </rPh>
    <rPh sb="4" eb="6">
      <t>ケンエイ</t>
    </rPh>
    <rPh sb="6" eb="8">
      <t>ブンジョウ</t>
    </rPh>
    <rPh sb="8" eb="10">
      <t>ジュウタク</t>
    </rPh>
    <rPh sb="13" eb="14">
      <t>コ</t>
    </rPh>
    <rPh sb="14" eb="16">
      <t>ケンセツ</t>
    </rPh>
    <rPh sb="17" eb="19">
      <t>ヨテイ</t>
    </rPh>
    <phoneticPr fontId="2"/>
  </si>
  <si>
    <t>市内版　信用保証協会を利用しましょう</t>
    <rPh sb="0" eb="2">
      <t>シナイ</t>
    </rPh>
    <rPh sb="2" eb="3">
      <t>バン</t>
    </rPh>
    <rPh sb="4" eb="6">
      <t>シンヨウ</t>
    </rPh>
    <rPh sb="6" eb="8">
      <t>ホショウ</t>
    </rPh>
    <rPh sb="8" eb="10">
      <t>キョウカイ</t>
    </rPh>
    <rPh sb="11" eb="13">
      <t>リヨウ</t>
    </rPh>
    <phoneticPr fontId="2"/>
  </si>
  <si>
    <t>市内版　新卒就職者激励大会（写真　巣立つ子らを激励する大橋知事公室長）</t>
    <rPh sb="0" eb="2">
      <t>シナイ</t>
    </rPh>
    <rPh sb="2" eb="3">
      <t>バン</t>
    </rPh>
    <rPh sb="4" eb="6">
      <t>シンソツ</t>
    </rPh>
    <rPh sb="6" eb="9">
      <t>シュウショクシャ</t>
    </rPh>
    <rPh sb="9" eb="11">
      <t>ゲキレイ</t>
    </rPh>
    <rPh sb="11" eb="13">
      <t>タイカイ</t>
    </rPh>
    <rPh sb="14" eb="16">
      <t>シャシン</t>
    </rPh>
    <rPh sb="17" eb="19">
      <t>スダ</t>
    </rPh>
    <rPh sb="20" eb="21">
      <t>コ</t>
    </rPh>
    <rPh sb="23" eb="25">
      <t>ゲキレイ</t>
    </rPh>
    <rPh sb="27" eb="29">
      <t>オオハシ</t>
    </rPh>
    <rPh sb="29" eb="34">
      <t>チジコウシツチョウ</t>
    </rPh>
    <phoneticPr fontId="2"/>
  </si>
  <si>
    <t>市内版　食中毒をなくしましょう</t>
    <rPh sb="0" eb="2">
      <t>シナイ</t>
    </rPh>
    <rPh sb="2" eb="3">
      <t>バン</t>
    </rPh>
    <rPh sb="4" eb="7">
      <t>ショクチュウドク</t>
    </rPh>
    <phoneticPr fontId="2"/>
  </si>
  <si>
    <t>海草・海南版　町村合併進む　野上町・美里町など発足</t>
    <rPh sb="0" eb="2">
      <t>カイソウ</t>
    </rPh>
    <rPh sb="3" eb="5">
      <t>カイナン</t>
    </rPh>
    <rPh sb="5" eb="6">
      <t>バン</t>
    </rPh>
    <rPh sb="7" eb="9">
      <t>チョウソン</t>
    </rPh>
    <rPh sb="9" eb="11">
      <t>ガッペイ</t>
    </rPh>
    <rPh sb="11" eb="12">
      <t>スス</t>
    </rPh>
    <rPh sb="14" eb="17">
      <t>ノカミチョウ</t>
    </rPh>
    <rPh sb="18" eb="21">
      <t>ミサトチョウ</t>
    </rPh>
    <rPh sb="23" eb="25">
      <t>ホッソク</t>
    </rPh>
    <phoneticPr fontId="2"/>
  </si>
  <si>
    <t>海草・海南版　木炭入賞　実を結んだ研究</t>
    <rPh sb="0" eb="2">
      <t>カイソウ</t>
    </rPh>
    <rPh sb="3" eb="5">
      <t>カイナン</t>
    </rPh>
    <rPh sb="5" eb="6">
      <t>バン</t>
    </rPh>
    <rPh sb="7" eb="9">
      <t>モクタン</t>
    </rPh>
    <rPh sb="9" eb="11">
      <t>ニュウショウ</t>
    </rPh>
    <rPh sb="12" eb="13">
      <t>ミ</t>
    </rPh>
    <rPh sb="14" eb="15">
      <t>ムス</t>
    </rPh>
    <rPh sb="17" eb="19">
      <t>ケンキュウ</t>
    </rPh>
    <phoneticPr fontId="2"/>
  </si>
  <si>
    <t>海草・海南版　先ず家庭用水の解決　海南市長　隅田修二</t>
    <rPh sb="0" eb="2">
      <t>カイソウ</t>
    </rPh>
    <rPh sb="3" eb="5">
      <t>カイナン</t>
    </rPh>
    <rPh sb="5" eb="6">
      <t>バン</t>
    </rPh>
    <rPh sb="7" eb="8">
      <t>マ</t>
    </rPh>
    <rPh sb="9" eb="11">
      <t>カテイ</t>
    </rPh>
    <rPh sb="11" eb="13">
      <t>ヨウスイ</t>
    </rPh>
    <rPh sb="14" eb="16">
      <t>カイケツ</t>
    </rPh>
    <rPh sb="17" eb="19">
      <t>カイナン</t>
    </rPh>
    <rPh sb="19" eb="21">
      <t>シチョウ</t>
    </rPh>
    <rPh sb="22" eb="24">
      <t>スミダ</t>
    </rPh>
    <rPh sb="24" eb="26">
      <t>シュウジ</t>
    </rPh>
    <phoneticPr fontId="2"/>
  </si>
  <si>
    <t>海草・海南版　県下にさきがけて『こどもを語る母の会』開催</t>
    <rPh sb="0" eb="2">
      <t>カイソウ</t>
    </rPh>
    <rPh sb="3" eb="5">
      <t>カイナン</t>
    </rPh>
    <rPh sb="5" eb="6">
      <t>バン</t>
    </rPh>
    <rPh sb="7" eb="9">
      <t>ケンカ</t>
    </rPh>
    <rPh sb="20" eb="21">
      <t>カタ</t>
    </rPh>
    <rPh sb="22" eb="23">
      <t>ハハ</t>
    </rPh>
    <rPh sb="24" eb="25">
      <t>カイ</t>
    </rPh>
    <rPh sb="26" eb="28">
      <t>カイサイ</t>
    </rPh>
    <phoneticPr fontId="2"/>
  </si>
  <si>
    <t>海草・海南版　管沢橋完成（写真　完成した管沢橋）</t>
    <rPh sb="0" eb="2">
      <t>カイソウ</t>
    </rPh>
    <rPh sb="3" eb="5">
      <t>カイナン</t>
    </rPh>
    <rPh sb="5" eb="6">
      <t>バン</t>
    </rPh>
    <rPh sb="7" eb="8">
      <t>スガ</t>
    </rPh>
    <rPh sb="8" eb="9">
      <t>サワ</t>
    </rPh>
    <rPh sb="9" eb="10">
      <t>ハシ</t>
    </rPh>
    <rPh sb="10" eb="12">
      <t>カンセイ</t>
    </rPh>
    <rPh sb="13" eb="15">
      <t>シャシン</t>
    </rPh>
    <rPh sb="16" eb="18">
      <t>カンセイ</t>
    </rPh>
    <rPh sb="20" eb="22">
      <t>スガサワ</t>
    </rPh>
    <rPh sb="22" eb="23">
      <t>バシ</t>
    </rPh>
    <phoneticPr fontId="2"/>
  </si>
  <si>
    <t>海草・海南版　信用保証協会を利用しましょう</t>
    <rPh sb="0" eb="2">
      <t>カイソウ</t>
    </rPh>
    <rPh sb="3" eb="5">
      <t>カイナン</t>
    </rPh>
    <rPh sb="5" eb="6">
      <t>バン</t>
    </rPh>
    <rPh sb="7" eb="13">
      <t>シンヨウホショウキョウカイ</t>
    </rPh>
    <rPh sb="14" eb="16">
      <t>リヨウ</t>
    </rPh>
    <phoneticPr fontId="2"/>
  </si>
  <si>
    <t>海草・海南版　火薬知識の普及へ　火薬類消費者同友会生る</t>
    <rPh sb="0" eb="2">
      <t>カイソウ</t>
    </rPh>
    <rPh sb="3" eb="5">
      <t>カイナン</t>
    </rPh>
    <rPh sb="5" eb="6">
      <t>バン</t>
    </rPh>
    <rPh sb="7" eb="9">
      <t>カヤク</t>
    </rPh>
    <rPh sb="9" eb="11">
      <t>チシキ</t>
    </rPh>
    <rPh sb="12" eb="14">
      <t>フキュウ</t>
    </rPh>
    <rPh sb="16" eb="19">
      <t>カヤクルイ</t>
    </rPh>
    <rPh sb="19" eb="22">
      <t>ショウヒシャ</t>
    </rPh>
    <rPh sb="22" eb="25">
      <t>ドウユウカイ</t>
    </rPh>
    <rPh sb="25" eb="26">
      <t>ウマ</t>
    </rPh>
    <phoneticPr fontId="2"/>
  </si>
  <si>
    <t>海草・海南版　近く入居できます　二九年度の災害公営住宅（写真　旧南野上村の公営住宅）</t>
    <rPh sb="0" eb="2">
      <t>カイソウ</t>
    </rPh>
    <rPh sb="3" eb="5">
      <t>カイナン</t>
    </rPh>
    <rPh sb="5" eb="6">
      <t>バン</t>
    </rPh>
    <rPh sb="7" eb="8">
      <t>チカ</t>
    </rPh>
    <rPh sb="9" eb="11">
      <t>ニュウキョ</t>
    </rPh>
    <rPh sb="16" eb="18">
      <t>29</t>
    </rPh>
    <rPh sb="18" eb="20">
      <t>ネンド</t>
    </rPh>
    <rPh sb="21" eb="23">
      <t>サイガイ</t>
    </rPh>
    <rPh sb="23" eb="27">
      <t>コウエイジュウタク</t>
    </rPh>
    <rPh sb="28" eb="30">
      <t>シャシン</t>
    </rPh>
    <rPh sb="31" eb="32">
      <t>キュウ</t>
    </rPh>
    <rPh sb="32" eb="33">
      <t>ミナミ</t>
    </rPh>
    <rPh sb="33" eb="35">
      <t>ノカミ</t>
    </rPh>
    <rPh sb="35" eb="36">
      <t>ムラ</t>
    </rPh>
    <rPh sb="37" eb="41">
      <t>コウエイジュウタク</t>
    </rPh>
    <phoneticPr fontId="2"/>
  </si>
  <si>
    <t>海草・海南版　下津町　農事研究会の活躍　技術改良など</t>
    <rPh sb="0" eb="2">
      <t>カイソウ</t>
    </rPh>
    <rPh sb="3" eb="5">
      <t>カイナン</t>
    </rPh>
    <rPh sb="5" eb="6">
      <t>バン</t>
    </rPh>
    <rPh sb="7" eb="10">
      <t>シモツチョウ</t>
    </rPh>
    <rPh sb="11" eb="13">
      <t>ノウジ</t>
    </rPh>
    <rPh sb="13" eb="16">
      <t>ケンキュウカイ</t>
    </rPh>
    <rPh sb="17" eb="19">
      <t>カツヤク</t>
    </rPh>
    <rPh sb="20" eb="22">
      <t>ギジュツ</t>
    </rPh>
    <rPh sb="22" eb="24">
      <t>カイリョウ</t>
    </rPh>
    <phoneticPr fontId="2"/>
  </si>
  <si>
    <t>海草・海南版　増加する改善結婚</t>
    <rPh sb="0" eb="2">
      <t>カイソウ</t>
    </rPh>
    <rPh sb="3" eb="5">
      <t>カイナン</t>
    </rPh>
    <rPh sb="5" eb="6">
      <t>バン</t>
    </rPh>
    <rPh sb="7" eb="9">
      <t>ゾウカ</t>
    </rPh>
    <rPh sb="11" eb="13">
      <t>カイゼン</t>
    </rPh>
    <rPh sb="13" eb="15">
      <t>ケッコン</t>
    </rPh>
    <phoneticPr fontId="2"/>
  </si>
  <si>
    <t>海草・海南版　新生活推進協議会</t>
    <rPh sb="0" eb="2">
      <t>カイソウ</t>
    </rPh>
    <rPh sb="3" eb="5">
      <t>カイナン</t>
    </rPh>
    <rPh sb="5" eb="6">
      <t>バン</t>
    </rPh>
    <rPh sb="7" eb="10">
      <t>シンセイカツ</t>
    </rPh>
    <rPh sb="10" eb="12">
      <t>スイシン</t>
    </rPh>
    <rPh sb="12" eb="15">
      <t>キョウギカイ</t>
    </rPh>
    <phoneticPr fontId="2"/>
  </si>
  <si>
    <t>海草・海南版　食中毒をなくしましょう</t>
    <rPh sb="0" eb="2">
      <t>カイソウ</t>
    </rPh>
    <rPh sb="3" eb="5">
      <t>カイナン</t>
    </rPh>
    <rPh sb="5" eb="6">
      <t>バン</t>
    </rPh>
    <rPh sb="7" eb="10">
      <t>ショクチュウドク</t>
    </rPh>
    <phoneticPr fontId="2"/>
  </si>
  <si>
    <t>那賀版　町村合併に拍車　貴志川町と粉河町</t>
    <rPh sb="0" eb="2">
      <t>ナガ</t>
    </rPh>
    <rPh sb="2" eb="3">
      <t>バン</t>
    </rPh>
    <rPh sb="4" eb="6">
      <t>チョウソン</t>
    </rPh>
    <rPh sb="6" eb="8">
      <t>ガッペイ</t>
    </rPh>
    <rPh sb="9" eb="11">
      <t>ハクシャ</t>
    </rPh>
    <rPh sb="12" eb="16">
      <t>キシガワチョウ</t>
    </rPh>
    <rPh sb="17" eb="20">
      <t>コカワチョウ</t>
    </rPh>
    <phoneticPr fontId="2"/>
  </si>
  <si>
    <t>那賀版　田中村で２４号線舗装完成（写真）</t>
    <rPh sb="0" eb="2">
      <t>ナガ</t>
    </rPh>
    <rPh sb="2" eb="3">
      <t>バン</t>
    </rPh>
    <rPh sb="4" eb="7">
      <t>タナカムラ</t>
    </rPh>
    <rPh sb="10" eb="11">
      <t>ゴウ</t>
    </rPh>
    <rPh sb="11" eb="12">
      <t>セン</t>
    </rPh>
    <rPh sb="12" eb="14">
      <t>ホソウ</t>
    </rPh>
    <rPh sb="14" eb="16">
      <t>カンセイ</t>
    </rPh>
    <rPh sb="17" eb="19">
      <t>シャシン</t>
    </rPh>
    <phoneticPr fontId="2"/>
  </si>
  <si>
    <t>那賀版　身体障害者福祉大会開く（写真　大会風景）</t>
    <rPh sb="0" eb="2">
      <t>ナガ</t>
    </rPh>
    <rPh sb="2" eb="3">
      <t>バン</t>
    </rPh>
    <rPh sb="4" eb="6">
      <t>シンタイ</t>
    </rPh>
    <rPh sb="6" eb="9">
      <t>ショウガイシャ</t>
    </rPh>
    <rPh sb="9" eb="11">
      <t>フクシ</t>
    </rPh>
    <rPh sb="11" eb="13">
      <t>タイカイ</t>
    </rPh>
    <rPh sb="13" eb="14">
      <t>ヒラ</t>
    </rPh>
    <rPh sb="16" eb="18">
      <t>シャシン</t>
    </rPh>
    <rPh sb="19" eb="21">
      <t>タイカイ</t>
    </rPh>
    <rPh sb="21" eb="23">
      <t>フウケイ</t>
    </rPh>
    <phoneticPr fontId="2"/>
  </si>
  <si>
    <t>那賀版　愛のプレゼント届く（写真）</t>
    <rPh sb="0" eb="2">
      <t>ナガ</t>
    </rPh>
    <rPh sb="2" eb="3">
      <t>バン</t>
    </rPh>
    <rPh sb="4" eb="5">
      <t>アイ</t>
    </rPh>
    <rPh sb="11" eb="12">
      <t>トド</t>
    </rPh>
    <rPh sb="14" eb="16">
      <t>シャシン</t>
    </rPh>
    <phoneticPr fontId="2"/>
  </si>
  <si>
    <t>那賀版　産業点描　岩出産のカーネーション　大阪で大好評</t>
    <rPh sb="0" eb="2">
      <t>ナガ</t>
    </rPh>
    <rPh sb="2" eb="3">
      <t>バン</t>
    </rPh>
    <rPh sb="4" eb="6">
      <t>サンギョウ</t>
    </rPh>
    <rPh sb="6" eb="8">
      <t>テンビョウ</t>
    </rPh>
    <rPh sb="9" eb="11">
      <t>イワデ</t>
    </rPh>
    <rPh sb="11" eb="12">
      <t>サン</t>
    </rPh>
    <rPh sb="21" eb="23">
      <t>オオサカ</t>
    </rPh>
    <rPh sb="24" eb="27">
      <t>ダイコウヒョウ</t>
    </rPh>
    <phoneticPr fontId="2"/>
  </si>
  <si>
    <t>那賀版　華やかにデモンストレーション　作業衣の改善一年間の実結ぶ（写真）</t>
    <rPh sb="0" eb="2">
      <t>ナガ</t>
    </rPh>
    <rPh sb="2" eb="3">
      <t>バン</t>
    </rPh>
    <rPh sb="4" eb="5">
      <t>ハナ</t>
    </rPh>
    <rPh sb="19" eb="22">
      <t>サギョウイ</t>
    </rPh>
    <rPh sb="23" eb="25">
      <t>カイゼン</t>
    </rPh>
    <rPh sb="25" eb="28">
      <t>イチネンカン</t>
    </rPh>
    <rPh sb="29" eb="30">
      <t>ミ</t>
    </rPh>
    <rPh sb="30" eb="31">
      <t>ムス</t>
    </rPh>
    <rPh sb="33" eb="35">
      <t>シャシン</t>
    </rPh>
    <phoneticPr fontId="2"/>
  </si>
  <si>
    <t>那賀版　日向谷の復旧完成</t>
    <rPh sb="0" eb="2">
      <t>ナガ</t>
    </rPh>
    <rPh sb="2" eb="3">
      <t>バン</t>
    </rPh>
    <rPh sb="4" eb="6">
      <t>ヒムカイ</t>
    </rPh>
    <rPh sb="6" eb="7">
      <t>タニ</t>
    </rPh>
    <rPh sb="8" eb="10">
      <t>フッキュウ</t>
    </rPh>
    <rPh sb="10" eb="12">
      <t>カンセイ</t>
    </rPh>
    <phoneticPr fontId="2"/>
  </si>
  <si>
    <t>那賀版　食中毒をなくしましょう</t>
    <rPh sb="0" eb="2">
      <t>ナガ</t>
    </rPh>
    <rPh sb="2" eb="3">
      <t>バン</t>
    </rPh>
    <rPh sb="4" eb="7">
      <t>ショクチュウドク</t>
    </rPh>
    <phoneticPr fontId="2"/>
  </si>
  <si>
    <t>伊都・橋本版　いよいよ実践の段階へ　新生活へ足並み揃う（写真　結婚の料理　隅田共の会員）</t>
    <rPh sb="0" eb="2">
      <t>イト</t>
    </rPh>
    <rPh sb="3" eb="5">
      <t>ハシモト</t>
    </rPh>
    <rPh sb="5" eb="6">
      <t>バン</t>
    </rPh>
    <rPh sb="11" eb="13">
      <t>ジッセン</t>
    </rPh>
    <rPh sb="14" eb="16">
      <t>ダンカイ</t>
    </rPh>
    <rPh sb="18" eb="21">
      <t>シンセイカツ</t>
    </rPh>
    <rPh sb="22" eb="24">
      <t>アシナ</t>
    </rPh>
    <rPh sb="25" eb="26">
      <t>ソロ</t>
    </rPh>
    <rPh sb="28" eb="30">
      <t>シャシン</t>
    </rPh>
    <rPh sb="31" eb="33">
      <t>ケッコン</t>
    </rPh>
    <rPh sb="34" eb="36">
      <t>リョウリ</t>
    </rPh>
    <rPh sb="37" eb="39">
      <t>スダ</t>
    </rPh>
    <rPh sb="39" eb="40">
      <t>トモ</t>
    </rPh>
    <rPh sb="41" eb="43">
      <t>カイイン</t>
    </rPh>
    <phoneticPr fontId="2"/>
  </si>
  <si>
    <t>伊都・橋本版　学文路婦人会の発表会</t>
    <rPh sb="0" eb="2">
      <t>イト</t>
    </rPh>
    <rPh sb="3" eb="5">
      <t>ハシモト</t>
    </rPh>
    <rPh sb="5" eb="6">
      <t>バン</t>
    </rPh>
    <rPh sb="7" eb="10">
      <t>カムロ</t>
    </rPh>
    <rPh sb="10" eb="13">
      <t>フジンカイ</t>
    </rPh>
    <rPh sb="14" eb="17">
      <t>ハッピョウカイ</t>
    </rPh>
    <phoneticPr fontId="2"/>
  </si>
  <si>
    <t>伊都・橋本版　４Ｈクラブ発表会（写真　発表する４Ｈクラブ員）</t>
    <rPh sb="0" eb="2">
      <t>イト</t>
    </rPh>
    <rPh sb="3" eb="5">
      <t>ハシモト</t>
    </rPh>
    <rPh sb="5" eb="6">
      <t>バン</t>
    </rPh>
    <rPh sb="12" eb="15">
      <t>ハッピョウカイ</t>
    </rPh>
    <rPh sb="16" eb="18">
      <t>シャシン</t>
    </rPh>
    <rPh sb="19" eb="21">
      <t>ハッピョウ</t>
    </rPh>
    <rPh sb="28" eb="29">
      <t>イン</t>
    </rPh>
    <phoneticPr fontId="2"/>
  </si>
  <si>
    <t>伊都・橋本版　郡代表きまる　赤ちゃんコンクール</t>
    <rPh sb="0" eb="2">
      <t>イト</t>
    </rPh>
    <rPh sb="3" eb="5">
      <t>ハシモト</t>
    </rPh>
    <rPh sb="5" eb="6">
      <t>バン</t>
    </rPh>
    <rPh sb="7" eb="8">
      <t>グン</t>
    </rPh>
    <rPh sb="8" eb="10">
      <t>ダイヒョウ</t>
    </rPh>
    <rPh sb="14" eb="15">
      <t>アカ</t>
    </rPh>
    <phoneticPr fontId="2"/>
  </si>
  <si>
    <t>伊都・橋本版　信用保証協会を利用しましょう</t>
    <rPh sb="0" eb="2">
      <t>イト</t>
    </rPh>
    <rPh sb="3" eb="5">
      <t>ハシモト</t>
    </rPh>
    <rPh sb="5" eb="6">
      <t>バン</t>
    </rPh>
    <rPh sb="7" eb="13">
      <t>シンヨウホショウキョウカイ</t>
    </rPh>
    <rPh sb="14" eb="16">
      <t>リヨウ</t>
    </rPh>
    <phoneticPr fontId="2"/>
  </si>
  <si>
    <t>伊都・橋本版　表彰される「しぐれ研修会」</t>
    <rPh sb="0" eb="2">
      <t>イト</t>
    </rPh>
    <rPh sb="3" eb="5">
      <t>ハシモト</t>
    </rPh>
    <rPh sb="5" eb="6">
      <t>バン</t>
    </rPh>
    <rPh sb="7" eb="9">
      <t>ヒョウショウ</t>
    </rPh>
    <rPh sb="16" eb="19">
      <t>ケンシュウカイ</t>
    </rPh>
    <phoneticPr fontId="2"/>
  </si>
  <si>
    <t>伊都・橋本版　椎茸栽培熱あがる</t>
    <rPh sb="0" eb="2">
      <t>イト</t>
    </rPh>
    <rPh sb="3" eb="5">
      <t>ハシモト</t>
    </rPh>
    <rPh sb="5" eb="6">
      <t>バン</t>
    </rPh>
    <rPh sb="7" eb="9">
      <t>シイタケ</t>
    </rPh>
    <rPh sb="9" eb="11">
      <t>サイバイ</t>
    </rPh>
    <rPh sb="11" eb="12">
      <t>ネツ</t>
    </rPh>
    <phoneticPr fontId="2"/>
  </si>
  <si>
    <t>伊都・橋本版　企業の合理化へ　中小商工業振興大会開く（写真　会場）</t>
    <rPh sb="0" eb="2">
      <t>イト</t>
    </rPh>
    <rPh sb="3" eb="5">
      <t>ハシモト</t>
    </rPh>
    <rPh sb="5" eb="6">
      <t>バン</t>
    </rPh>
    <rPh sb="7" eb="9">
      <t>キギョウ</t>
    </rPh>
    <rPh sb="10" eb="13">
      <t>ゴウリカ</t>
    </rPh>
    <rPh sb="15" eb="17">
      <t>チュウショウ</t>
    </rPh>
    <rPh sb="17" eb="20">
      <t>ショウコウギョウ</t>
    </rPh>
    <rPh sb="20" eb="22">
      <t>シンコウ</t>
    </rPh>
    <rPh sb="22" eb="24">
      <t>タイカイ</t>
    </rPh>
    <rPh sb="24" eb="25">
      <t>ヒラ</t>
    </rPh>
    <rPh sb="27" eb="29">
      <t>シャシン</t>
    </rPh>
    <rPh sb="30" eb="32">
      <t>カイジョウ</t>
    </rPh>
    <phoneticPr fontId="2"/>
  </si>
  <si>
    <t>伊都・橋本版　食中毒をなくしましょう</t>
    <rPh sb="0" eb="2">
      <t>イト</t>
    </rPh>
    <rPh sb="3" eb="5">
      <t>ハシモト</t>
    </rPh>
    <rPh sb="5" eb="6">
      <t>バン</t>
    </rPh>
    <rPh sb="7" eb="10">
      <t>ショクチュウドク</t>
    </rPh>
    <phoneticPr fontId="2"/>
  </si>
  <si>
    <t>有田版　金屋・岩倉両鉄橋竣工　（写真　金屋橋の渡り初め式、岩倉橋全景）</t>
    <rPh sb="0" eb="2">
      <t>アリダ</t>
    </rPh>
    <rPh sb="2" eb="3">
      <t>バン</t>
    </rPh>
    <rPh sb="4" eb="6">
      <t>カナヤ</t>
    </rPh>
    <rPh sb="7" eb="9">
      <t>イワクラ</t>
    </rPh>
    <rPh sb="9" eb="10">
      <t>リョウ</t>
    </rPh>
    <rPh sb="10" eb="12">
      <t>テッキョウ</t>
    </rPh>
    <rPh sb="12" eb="14">
      <t>シュンコウ</t>
    </rPh>
    <rPh sb="16" eb="18">
      <t>シャシン</t>
    </rPh>
    <rPh sb="19" eb="22">
      <t>カナヤバシ</t>
    </rPh>
    <rPh sb="23" eb="24">
      <t>ワタ</t>
    </rPh>
    <rPh sb="25" eb="26">
      <t>ゾ</t>
    </rPh>
    <rPh sb="27" eb="28">
      <t>シキ</t>
    </rPh>
    <rPh sb="29" eb="32">
      <t>イワクラバシ</t>
    </rPh>
    <rPh sb="32" eb="34">
      <t>ゼンケイ</t>
    </rPh>
    <phoneticPr fontId="2"/>
  </si>
  <si>
    <t>有田版　町村合併軌道へ　金屋町と広川町誕生</t>
    <rPh sb="0" eb="2">
      <t>アリダ</t>
    </rPh>
    <rPh sb="2" eb="3">
      <t>バン</t>
    </rPh>
    <rPh sb="4" eb="6">
      <t>チョウソン</t>
    </rPh>
    <rPh sb="6" eb="8">
      <t>ガッペイ</t>
    </rPh>
    <rPh sb="8" eb="10">
      <t>キドウ</t>
    </rPh>
    <rPh sb="12" eb="15">
      <t>カナヤチョウ</t>
    </rPh>
    <rPh sb="16" eb="19">
      <t>ヒロカワチョウ</t>
    </rPh>
    <rPh sb="19" eb="21">
      <t>タンジョウ</t>
    </rPh>
    <phoneticPr fontId="2"/>
  </si>
  <si>
    <t>有田版　羊毛の自家生産へ　婦人にできる緬羊飼育（写真　御霊村　春の剪毛風景）</t>
    <rPh sb="0" eb="2">
      <t>アリダ</t>
    </rPh>
    <rPh sb="2" eb="3">
      <t>バン</t>
    </rPh>
    <rPh sb="4" eb="6">
      <t>ヨウモウ</t>
    </rPh>
    <rPh sb="7" eb="9">
      <t>ジカ</t>
    </rPh>
    <rPh sb="9" eb="11">
      <t>セイサン</t>
    </rPh>
    <rPh sb="13" eb="15">
      <t>フジン</t>
    </rPh>
    <rPh sb="19" eb="21">
      <t>メンヨウ</t>
    </rPh>
    <rPh sb="21" eb="23">
      <t>シイク</t>
    </rPh>
    <rPh sb="24" eb="26">
      <t>シャシン</t>
    </rPh>
    <rPh sb="27" eb="29">
      <t>ミタマ</t>
    </rPh>
    <rPh sb="29" eb="30">
      <t>ムラ</t>
    </rPh>
    <rPh sb="31" eb="32">
      <t>ハル</t>
    </rPh>
    <rPh sb="33" eb="34">
      <t>ハサ</t>
    </rPh>
    <rPh sb="34" eb="35">
      <t>ケ</t>
    </rPh>
    <rPh sb="35" eb="37">
      <t>フウケイ</t>
    </rPh>
    <phoneticPr fontId="2"/>
  </si>
  <si>
    <t>有田版　信用保証協会を利用しましょう</t>
    <rPh sb="0" eb="2">
      <t>アリダ</t>
    </rPh>
    <rPh sb="2" eb="3">
      <t>バン</t>
    </rPh>
    <rPh sb="4" eb="10">
      <t>シンヨウホショウキョウカイ</t>
    </rPh>
    <rPh sb="11" eb="13">
      <t>リヨウ</t>
    </rPh>
    <phoneticPr fontId="2"/>
  </si>
  <si>
    <t>有田版　お茶の名所に　安諦村で大増産を計画</t>
    <rPh sb="0" eb="2">
      <t>アリダ</t>
    </rPh>
    <rPh sb="2" eb="3">
      <t>バン</t>
    </rPh>
    <rPh sb="5" eb="6">
      <t>チャ</t>
    </rPh>
    <rPh sb="7" eb="9">
      <t>メイショ</t>
    </rPh>
    <rPh sb="11" eb="12">
      <t>アン</t>
    </rPh>
    <rPh sb="12" eb="13">
      <t>テイ</t>
    </rPh>
    <rPh sb="13" eb="14">
      <t>ムラ</t>
    </rPh>
    <rPh sb="15" eb="18">
      <t>ダイゾウサン</t>
    </rPh>
    <rPh sb="19" eb="21">
      <t>ケイカク</t>
    </rPh>
    <phoneticPr fontId="2"/>
  </si>
  <si>
    <t>有田版　純白の花匂う　待望のケシ栽培復活</t>
    <rPh sb="0" eb="2">
      <t>アリダ</t>
    </rPh>
    <rPh sb="2" eb="3">
      <t>バン</t>
    </rPh>
    <rPh sb="4" eb="6">
      <t>ジュンパク</t>
    </rPh>
    <rPh sb="7" eb="8">
      <t>ハナ</t>
    </rPh>
    <rPh sb="8" eb="9">
      <t>ニオ</t>
    </rPh>
    <rPh sb="11" eb="13">
      <t>タイボウ</t>
    </rPh>
    <rPh sb="16" eb="18">
      <t>サイバイ</t>
    </rPh>
    <rPh sb="18" eb="20">
      <t>フッカツ</t>
    </rPh>
    <phoneticPr fontId="2"/>
  </si>
  <si>
    <t>有田版　奥さん連、熱演　藤並村で新生活劇など（写真　婦人会員が熱演）</t>
    <rPh sb="0" eb="2">
      <t>アリダ</t>
    </rPh>
    <rPh sb="2" eb="3">
      <t>バン</t>
    </rPh>
    <rPh sb="4" eb="5">
      <t>オク</t>
    </rPh>
    <rPh sb="7" eb="8">
      <t>レン</t>
    </rPh>
    <rPh sb="9" eb="11">
      <t>ネツエン</t>
    </rPh>
    <rPh sb="12" eb="14">
      <t>フジナミ</t>
    </rPh>
    <rPh sb="14" eb="15">
      <t>ムラ</t>
    </rPh>
    <rPh sb="16" eb="18">
      <t>シンセイ</t>
    </rPh>
    <rPh sb="18" eb="20">
      <t>カツゲキ</t>
    </rPh>
    <rPh sb="23" eb="25">
      <t>シャシン</t>
    </rPh>
    <rPh sb="26" eb="28">
      <t>フジン</t>
    </rPh>
    <rPh sb="28" eb="29">
      <t>カイ</t>
    </rPh>
    <rPh sb="29" eb="30">
      <t>イン</t>
    </rPh>
    <rPh sb="31" eb="33">
      <t>ネツエン</t>
    </rPh>
    <phoneticPr fontId="2"/>
  </si>
  <si>
    <t>有田版　食中毒をなくしましょう</t>
    <rPh sb="0" eb="2">
      <t>アリダ</t>
    </rPh>
    <rPh sb="2" eb="3">
      <t>バン</t>
    </rPh>
    <rPh sb="4" eb="7">
      <t>ショクチュウドク</t>
    </rPh>
    <phoneticPr fontId="2"/>
  </si>
  <si>
    <t>日高・御坊版　郡内に移民熱高まる　海外協会日高支部</t>
    <rPh sb="0" eb="2">
      <t>ヒダカ</t>
    </rPh>
    <rPh sb="3" eb="5">
      <t>ゴボウ</t>
    </rPh>
    <rPh sb="5" eb="6">
      <t>バン</t>
    </rPh>
    <rPh sb="7" eb="9">
      <t>グンナイ</t>
    </rPh>
    <rPh sb="10" eb="12">
      <t>イミン</t>
    </rPh>
    <rPh sb="12" eb="13">
      <t>ネツ</t>
    </rPh>
    <rPh sb="13" eb="14">
      <t>タカ</t>
    </rPh>
    <rPh sb="17" eb="19">
      <t>カイガイ</t>
    </rPh>
    <rPh sb="19" eb="21">
      <t>キョウカイ</t>
    </rPh>
    <rPh sb="21" eb="23">
      <t>ヒダカ</t>
    </rPh>
    <rPh sb="23" eb="25">
      <t>シブ</t>
    </rPh>
    <phoneticPr fontId="2"/>
  </si>
  <si>
    <t>日高・御坊版　県下最大の村　三月一日　新龍神村発足</t>
    <rPh sb="0" eb="2">
      <t>ヒダカ</t>
    </rPh>
    <rPh sb="3" eb="5">
      <t>ゴボウ</t>
    </rPh>
    <rPh sb="5" eb="6">
      <t>バン</t>
    </rPh>
    <rPh sb="7" eb="9">
      <t>ケンカ</t>
    </rPh>
    <rPh sb="9" eb="11">
      <t>サイダイ</t>
    </rPh>
    <rPh sb="12" eb="13">
      <t>ムラ</t>
    </rPh>
    <rPh sb="14" eb="15">
      <t>3</t>
    </rPh>
    <rPh sb="15" eb="16">
      <t>ガツ</t>
    </rPh>
    <rPh sb="16" eb="17">
      <t>1</t>
    </rPh>
    <rPh sb="17" eb="18">
      <t>ヒ</t>
    </rPh>
    <rPh sb="19" eb="20">
      <t>シン</t>
    </rPh>
    <rPh sb="20" eb="23">
      <t>リュウジンムラ</t>
    </rPh>
    <rPh sb="23" eb="25">
      <t>ホッソク</t>
    </rPh>
    <phoneticPr fontId="2"/>
  </si>
  <si>
    <t>日高・御坊版　美浜町で合併祝賀会（写真　和田小学校の祝賀会場）</t>
    <rPh sb="0" eb="2">
      <t>ヒダカ</t>
    </rPh>
    <rPh sb="3" eb="5">
      <t>ゴボウ</t>
    </rPh>
    <rPh sb="5" eb="6">
      <t>バン</t>
    </rPh>
    <rPh sb="7" eb="10">
      <t>ミハマチョウ</t>
    </rPh>
    <rPh sb="11" eb="13">
      <t>ガッペイ</t>
    </rPh>
    <rPh sb="13" eb="16">
      <t>シュクガカイ</t>
    </rPh>
    <rPh sb="17" eb="19">
      <t>シャシン</t>
    </rPh>
    <rPh sb="20" eb="22">
      <t>ワダ</t>
    </rPh>
    <rPh sb="22" eb="25">
      <t>ショウガッコウ</t>
    </rPh>
    <rPh sb="26" eb="28">
      <t>シュクガ</t>
    </rPh>
    <rPh sb="28" eb="30">
      <t>カイジョウ</t>
    </rPh>
    <phoneticPr fontId="2"/>
  </si>
  <si>
    <t>日高・御坊版　信用保証協会を利用しましょう</t>
    <rPh sb="0" eb="2">
      <t>ヒダカ</t>
    </rPh>
    <rPh sb="3" eb="5">
      <t>ゴボウ</t>
    </rPh>
    <rPh sb="5" eb="6">
      <t>バン</t>
    </rPh>
    <rPh sb="7" eb="13">
      <t>シンヨウホショウキョウカイ</t>
    </rPh>
    <rPh sb="14" eb="16">
      <t>リヨウ</t>
    </rPh>
    <phoneticPr fontId="2"/>
  </si>
  <si>
    <t>日高・御坊版　３０年度上半期に全橋を完成　郡内の橋梁復旧（県道）（写真　完成した板ノ川橋）</t>
    <rPh sb="0" eb="2">
      <t>ヒダカ</t>
    </rPh>
    <rPh sb="3" eb="5">
      <t>ゴボウ</t>
    </rPh>
    <rPh sb="5" eb="6">
      <t>バン</t>
    </rPh>
    <rPh sb="9" eb="11">
      <t>ネンド</t>
    </rPh>
    <rPh sb="11" eb="14">
      <t>カミハンキ</t>
    </rPh>
    <rPh sb="15" eb="16">
      <t>ゼン</t>
    </rPh>
    <rPh sb="16" eb="17">
      <t>ハシ</t>
    </rPh>
    <rPh sb="18" eb="20">
      <t>カンセイ</t>
    </rPh>
    <rPh sb="21" eb="23">
      <t>グンナイ</t>
    </rPh>
    <rPh sb="24" eb="26">
      <t>キョウリョウ</t>
    </rPh>
    <rPh sb="26" eb="28">
      <t>フッキュウ</t>
    </rPh>
    <rPh sb="29" eb="31">
      <t>ケンドウ</t>
    </rPh>
    <rPh sb="33" eb="35">
      <t>シャシン</t>
    </rPh>
    <rPh sb="36" eb="38">
      <t>カンセイ</t>
    </rPh>
    <rPh sb="40" eb="41">
      <t>イタ</t>
    </rPh>
    <rPh sb="42" eb="43">
      <t>カワ</t>
    </rPh>
    <rPh sb="43" eb="44">
      <t>ハシ</t>
    </rPh>
    <phoneticPr fontId="2"/>
  </si>
  <si>
    <t>日高・御坊版　林道改修や造林など　各町村森林組合の振興計画</t>
    <rPh sb="0" eb="2">
      <t>ヒダカ</t>
    </rPh>
    <rPh sb="3" eb="5">
      <t>ゴボウ</t>
    </rPh>
    <rPh sb="5" eb="6">
      <t>バン</t>
    </rPh>
    <rPh sb="7" eb="9">
      <t>リンドウ</t>
    </rPh>
    <rPh sb="9" eb="11">
      <t>カイシュウ</t>
    </rPh>
    <rPh sb="12" eb="14">
      <t>ゾウリン</t>
    </rPh>
    <rPh sb="17" eb="20">
      <t>カクチョウソン</t>
    </rPh>
    <rPh sb="20" eb="22">
      <t>シンリン</t>
    </rPh>
    <rPh sb="22" eb="24">
      <t>クミアイ</t>
    </rPh>
    <rPh sb="25" eb="27">
      <t>シンコウ</t>
    </rPh>
    <rPh sb="27" eb="29">
      <t>ケイカク</t>
    </rPh>
    <phoneticPr fontId="2"/>
  </si>
  <si>
    <t>日高・御坊版　輸出めざして　日高奥地の椎茸増産へ（写真　見事に生えた椎茸）</t>
    <rPh sb="0" eb="2">
      <t>ヒダカ</t>
    </rPh>
    <rPh sb="3" eb="5">
      <t>ゴボウ</t>
    </rPh>
    <rPh sb="5" eb="6">
      <t>バン</t>
    </rPh>
    <rPh sb="7" eb="9">
      <t>ユシュツ</t>
    </rPh>
    <rPh sb="14" eb="16">
      <t>ヒダカ</t>
    </rPh>
    <rPh sb="16" eb="18">
      <t>オクチ</t>
    </rPh>
    <rPh sb="19" eb="21">
      <t>シイタケ</t>
    </rPh>
    <rPh sb="21" eb="23">
      <t>ゾウサン</t>
    </rPh>
    <rPh sb="25" eb="27">
      <t>シャシン</t>
    </rPh>
    <rPh sb="28" eb="30">
      <t>ミゴト</t>
    </rPh>
    <rPh sb="31" eb="32">
      <t>ハ</t>
    </rPh>
    <rPh sb="34" eb="36">
      <t>シイタケ</t>
    </rPh>
    <phoneticPr fontId="2"/>
  </si>
  <si>
    <t>日高・御坊版　県民税好成績</t>
    <rPh sb="0" eb="2">
      <t>ヒダカ</t>
    </rPh>
    <rPh sb="3" eb="5">
      <t>ゴボウ</t>
    </rPh>
    <rPh sb="5" eb="6">
      <t>バン</t>
    </rPh>
    <rPh sb="7" eb="9">
      <t>ケンミン</t>
    </rPh>
    <rPh sb="9" eb="10">
      <t>ゼイ</t>
    </rPh>
    <rPh sb="10" eb="13">
      <t>コウセイセキ</t>
    </rPh>
    <phoneticPr fontId="2"/>
  </si>
  <si>
    <t>日高・御坊版　自宅療養者に朗報　結核病床一一五床を増設</t>
    <rPh sb="0" eb="2">
      <t>ヒダカ</t>
    </rPh>
    <rPh sb="3" eb="5">
      <t>ゴボウ</t>
    </rPh>
    <rPh sb="5" eb="6">
      <t>バン</t>
    </rPh>
    <rPh sb="7" eb="9">
      <t>ジタク</t>
    </rPh>
    <rPh sb="9" eb="12">
      <t>リョウヨウシャ</t>
    </rPh>
    <rPh sb="13" eb="15">
      <t>ロウホウ</t>
    </rPh>
    <rPh sb="16" eb="18">
      <t>ケッカク</t>
    </rPh>
    <rPh sb="18" eb="20">
      <t>ビョウショウ</t>
    </rPh>
    <rPh sb="20" eb="23">
      <t>115</t>
    </rPh>
    <rPh sb="23" eb="24">
      <t>ショウ</t>
    </rPh>
    <rPh sb="25" eb="27">
      <t>ゾウセツ</t>
    </rPh>
    <phoneticPr fontId="2"/>
  </si>
  <si>
    <t>日高・御坊版　未亡人会結成</t>
    <rPh sb="0" eb="2">
      <t>ヒダカ</t>
    </rPh>
    <rPh sb="3" eb="5">
      <t>ゴボウ</t>
    </rPh>
    <rPh sb="5" eb="6">
      <t>バン</t>
    </rPh>
    <rPh sb="7" eb="10">
      <t>ミボウジン</t>
    </rPh>
    <rPh sb="10" eb="11">
      <t>カイ</t>
    </rPh>
    <rPh sb="11" eb="13">
      <t>ケッセイ</t>
    </rPh>
    <phoneticPr fontId="2"/>
  </si>
  <si>
    <t>日高・御坊版　食中毒をなくしましょう</t>
    <rPh sb="0" eb="2">
      <t>ヒダカ</t>
    </rPh>
    <rPh sb="3" eb="5">
      <t>ゴボウ</t>
    </rPh>
    <rPh sb="5" eb="6">
      <t>バン</t>
    </rPh>
    <rPh sb="7" eb="10">
      <t>ショクチュウドク</t>
    </rPh>
    <phoneticPr fontId="2"/>
  </si>
  <si>
    <t>西牟婁・田辺版　田辺で木炭品評会　備長馬目申し分なし　</t>
    <rPh sb="0" eb="3">
      <t>ニシムロ</t>
    </rPh>
    <rPh sb="4" eb="6">
      <t>タナベ</t>
    </rPh>
    <rPh sb="6" eb="7">
      <t>バン</t>
    </rPh>
    <rPh sb="8" eb="10">
      <t>タナベ</t>
    </rPh>
    <rPh sb="11" eb="13">
      <t>モクタン</t>
    </rPh>
    <rPh sb="13" eb="16">
      <t>ヒンピョウカイ</t>
    </rPh>
    <rPh sb="17" eb="19">
      <t>ビンチョウ</t>
    </rPh>
    <rPh sb="19" eb="21">
      <t>マメ</t>
    </rPh>
    <rPh sb="21" eb="22">
      <t>モウ</t>
    </rPh>
    <rPh sb="23" eb="24">
      <t>ブン</t>
    </rPh>
    <phoneticPr fontId="2"/>
  </si>
  <si>
    <t>西牟婁・田辺版　躍進する文里港（写真　文里港の眺望）</t>
    <rPh sb="0" eb="3">
      <t>ニシムロ</t>
    </rPh>
    <rPh sb="4" eb="6">
      <t>タナベ</t>
    </rPh>
    <rPh sb="6" eb="7">
      <t>バン</t>
    </rPh>
    <rPh sb="8" eb="10">
      <t>ヤクシン</t>
    </rPh>
    <rPh sb="12" eb="14">
      <t>モリ</t>
    </rPh>
    <rPh sb="14" eb="15">
      <t>コウ</t>
    </rPh>
    <rPh sb="16" eb="18">
      <t>シャシン</t>
    </rPh>
    <rPh sb="19" eb="21">
      <t>モリ</t>
    </rPh>
    <rPh sb="21" eb="22">
      <t>コウ</t>
    </rPh>
    <rPh sb="23" eb="25">
      <t>チョウボウ</t>
    </rPh>
    <phoneticPr fontId="2"/>
  </si>
  <si>
    <t>西牟婁・田辺版　暖地園芸に拍車　串本で振興協議会（写真　潮岬村共同育苗場）</t>
    <rPh sb="0" eb="3">
      <t>ニシムロ</t>
    </rPh>
    <rPh sb="4" eb="6">
      <t>タナベ</t>
    </rPh>
    <rPh sb="6" eb="7">
      <t>バン</t>
    </rPh>
    <rPh sb="8" eb="10">
      <t>ダンチ</t>
    </rPh>
    <rPh sb="10" eb="12">
      <t>エンゲイ</t>
    </rPh>
    <rPh sb="13" eb="15">
      <t>ハクシャ</t>
    </rPh>
    <rPh sb="16" eb="18">
      <t>クシモト</t>
    </rPh>
    <rPh sb="19" eb="21">
      <t>シンコウ</t>
    </rPh>
    <rPh sb="21" eb="24">
      <t>キョウギカイ</t>
    </rPh>
    <rPh sb="25" eb="27">
      <t>シャシン</t>
    </rPh>
    <rPh sb="28" eb="30">
      <t>シオノミサキ</t>
    </rPh>
    <rPh sb="30" eb="31">
      <t>ムラ</t>
    </rPh>
    <rPh sb="31" eb="33">
      <t>キョウドウ</t>
    </rPh>
    <rPh sb="33" eb="35">
      <t>イクビョウ</t>
    </rPh>
    <rPh sb="35" eb="36">
      <t>ジョウ</t>
    </rPh>
    <phoneticPr fontId="2"/>
  </si>
  <si>
    <t>西牟婁・田辺版　進む町村合併</t>
    <rPh sb="0" eb="3">
      <t>ニシムロ</t>
    </rPh>
    <rPh sb="4" eb="6">
      <t>タナベ</t>
    </rPh>
    <rPh sb="6" eb="7">
      <t>バン</t>
    </rPh>
    <rPh sb="8" eb="9">
      <t>スス</t>
    </rPh>
    <rPh sb="10" eb="12">
      <t>チョウソン</t>
    </rPh>
    <rPh sb="12" eb="14">
      <t>ガッペイ</t>
    </rPh>
    <phoneticPr fontId="2"/>
  </si>
  <si>
    <t>西牟婁・田辺版　小規模農家にめん羊・山羊が適当</t>
    <rPh sb="0" eb="3">
      <t>ニシムロ</t>
    </rPh>
    <rPh sb="4" eb="6">
      <t>タナベ</t>
    </rPh>
    <rPh sb="6" eb="7">
      <t>バン</t>
    </rPh>
    <rPh sb="8" eb="11">
      <t>ショウキボ</t>
    </rPh>
    <rPh sb="11" eb="13">
      <t>ノウカ</t>
    </rPh>
    <rPh sb="16" eb="17">
      <t>ヨウ</t>
    </rPh>
    <rPh sb="18" eb="19">
      <t>ヤマ</t>
    </rPh>
    <rPh sb="19" eb="20">
      <t>ヒツジ</t>
    </rPh>
    <rPh sb="21" eb="23">
      <t>テキトウ</t>
    </rPh>
    <phoneticPr fontId="2"/>
  </si>
  <si>
    <t>西牟婁・田辺版　離乳にご注意　乳幼児検診多い湿疹と感冒</t>
    <rPh sb="0" eb="3">
      <t>ニシムロ</t>
    </rPh>
    <rPh sb="4" eb="6">
      <t>タナベ</t>
    </rPh>
    <rPh sb="6" eb="7">
      <t>バン</t>
    </rPh>
    <rPh sb="8" eb="10">
      <t>リニュウ</t>
    </rPh>
    <rPh sb="12" eb="14">
      <t>チュウイ</t>
    </rPh>
    <rPh sb="15" eb="18">
      <t>ニュウヨウジ</t>
    </rPh>
    <rPh sb="18" eb="20">
      <t>ケンシン</t>
    </rPh>
    <rPh sb="20" eb="21">
      <t>オオ</t>
    </rPh>
    <rPh sb="22" eb="24">
      <t>シッシン</t>
    </rPh>
    <rPh sb="25" eb="27">
      <t>カンボウ</t>
    </rPh>
    <phoneticPr fontId="2"/>
  </si>
  <si>
    <t>西牟婁・田辺版　信用保証協会を利用しましょう</t>
    <rPh sb="0" eb="3">
      <t>ニシムロ</t>
    </rPh>
    <rPh sb="4" eb="6">
      <t>タナベ</t>
    </rPh>
    <rPh sb="6" eb="7">
      <t>バン</t>
    </rPh>
    <rPh sb="8" eb="14">
      <t>シンヨウホショウキョウカイ</t>
    </rPh>
    <rPh sb="15" eb="17">
      <t>リヨウ</t>
    </rPh>
    <phoneticPr fontId="2"/>
  </si>
  <si>
    <t>西牟婁・田辺版　生活改善友の会員が研究</t>
    <rPh sb="0" eb="3">
      <t>ニシムロ</t>
    </rPh>
    <rPh sb="4" eb="6">
      <t>タナベ</t>
    </rPh>
    <rPh sb="6" eb="7">
      <t>バン</t>
    </rPh>
    <rPh sb="8" eb="10">
      <t>セイカツ</t>
    </rPh>
    <rPh sb="10" eb="12">
      <t>カイゼン</t>
    </rPh>
    <rPh sb="12" eb="13">
      <t>トモ</t>
    </rPh>
    <rPh sb="14" eb="16">
      <t>カイイン</t>
    </rPh>
    <rPh sb="17" eb="19">
      <t>ケンキュウ</t>
    </rPh>
    <phoneticPr fontId="2"/>
  </si>
  <si>
    <t>西牟婁・田辺版　食中毒をなくしましょう</t>
    <rPh sb="0" eb="3">
      <t>ニシムロ</t>
    </rPh>
    <rPh sb="4" eb="6">
      <t>タナベ</t>
    </rPh>
    <rPh sb="6" eb="7">
      <t>バン</t>
    </rPh>
    <rPh sb="8" eb="11">
      <t>ショクチュウドク</t>
    </rPh>
    <phoneticPr fontId="2"/>
  </si>
  <si>
    <t>東牟婁・新宮版　郡内初の町村合併　４月１日那智勝浦町が誕生（写真　新町の中心地）</t>
    <rPh sb="0" eb="3">
      <t>ヒガシムロ</t>
    </rPh>
    <rPh sb="4" eb="6">
      <t>シングウ</t>
    </rPh>
    <rPh sb="6" eb="7">
      <t>バン</t>
    </rPh>
    <rPh sb="8" eb="10">
      <t>グンナイ</t>
    </rPh>
    <rPh sb="10" eb="11">
      <t>ハツ</t>
    </rPh>
    <rPh sb="12" eb="14">
      <t>チョウソン</t>
    </rPh>
    <rPh sb="14" eb="16">
      <t>ガッペイ</t>
    </rPh>
    <rPh sb="18" eb="19">
      <t>ガツ</t>
    </rPh>
    <rPh sb="20" eb="21">
      <t>ヒ</t>
    </rPh>
    <rPh sb="21" eb="26">
      <t>ナチカツウラチョウ</t>
    </rPh>
    <rPh sb="27" eb="29">
      <t>タンジョウ</t>
    </rPh>
    <rPh sb="30" eb="32">
      <t>シャシン</t>
    </rPh>
    <rPh sb="33" eb="35">
      <t>シンマチ</t>
    </rPh>
    <rPh sb="36" eb="39">
      <t>チュウシンチ</t>
    </rPh>
    <phoneticPr fontId="2"/>
  </si>
  <si>
    <t>東牟婁・新宮版　低下した死亡率　新宮保健所管内の人口動態まとまる</t>
    <rPh sb="0" eb="3">
      <t>ヒガシムロ</t>
    </rPh>
    <rPh sb="4" eb="6">
      <t>シングウ</t>
    </rPh>
    <rPh sb="6" eb="7">
      <t>バン</t>
    </rPh>
    <rPh sb="8" eb="10">
      <t>テイカ</t>
    </rPh>
    <rPh sb="12" eb="15">
      <t>シボウリツ</t>
    </rPh>
    <rPh sb="16" eb="18">
      <t>シングウ</t>
    </rPh>
    <rPh sb="18" eb="21">
      <t>ホケンジョ</t>
    </rPh>
    <rPh sb="21" eb="23">
      <t>カンナイ</t>
    </rPh>
    <rPh sb="24" eb="26">
      <t>ジンコウ</t>
    </rPh>
    <rPh sb="26" eb="28">
      <t>ドウタイ</t>
    </rPh>
    <phoneticPr fontId="2"/>
  </si>
  <si>
    <t>東牟婁・新宮版　副業貯金や研究発表など　活躍続ける『月夜会』（写真　改良モンペの作り方を発表する会員）</t>
    <rPh sb="0" eb="3">
      <t>ヒガシムロ</t>
    </rPh>
    <rPh sb="4" eb="6">
      <t>シングウ</t>
    </rPh>
    <rPh sb="6" eb="7">
      <t>バン</t>
    </rPh>
    <rPh sb="8" eb="10">
      <t>フクギョウ</t>
    </rPh>
    <rPh sb="10" eb="12">
      <t>チョキン</t>
    </rPh>
    <rPh sb="13" eb="15">
      <t>ケンキュウ</t>
    </rPh>
    <rPh sb="15" eb="17">
      <t>ハッピョウ</t>
    </rPh>
    <rPh sb="20" eb="22">
      <t>カツヤク</t>
    </rPh>
    <rPh sb="22" eb="23">
      <t>ツヅ</t>
    </rPh>
    <rPh sb="26" eb="28">
      <t>ツキヨ</t>
    </rPh>
    <rPh sb="28" eb="29">
      <t>カイ</t>
    </rPh>
    <rPh sb="31" eb="33">
      <t>シャシン</t>
    </rPh>
    <rPh sb="34" eb="36">
      <t>カイリョウ</t>
    </rPh>
    <rPh sb="40" eb="41">
      <t>ツク</t>
    </rPh>
    <rPh sb="42" eb="43">
      <t>カタ</t>
    </rPh>
    <rPh sb="44" eb="46">
      <t>ハッピョウ</t>
    </rPh>
    <rPh sb="48" eb="50">
      <t>カイイン</t>
    </rPh>
    <phoneticPr fontId="2"/>
  </si>
  <si>
    <t>東牟婁・新宮版　町村めぐり　七川村の巻</t>
    <rPh sb="0" eb="3">
      <t>ヒガシムロ</t>
    </rPh>
    <rPh sb="4" eb="6">
      <t>シングウ</t>
    </rPh>
    <rPh sb="6" eb="7">
      <t>バン</t>
    </rPh>
    <rPh sb="8" eb="10">
      <t>チョウソン</t>
    </rPh>
    <rPh sb="14" eb="17">
      <t>シチカワソン</t>
    </rPh>
    <rPh sb="18" eb="19">
      <t>マキ</t>
    </rPh>
    <phoneticPr fontId="2"/>
  </si>
  <si>
    <t>東牟婁・新宮版　信用保証協会を利用しましょう</t>
    <rPh sb="0" eb="3">
      <t>ヒガシムロ</t>
    </rPh>
    <rPh sb="4" eb="6">
      <t>シングウ</t>
    </rPh>
    <rPh sb="6" eb="7">
      <t>バン</t>
    </rPh>
    <rPh sb="8" eb="10">
      <t>シンヨウ</t>
    </rPh>
    <rPh sb="10" eb="14">
      <t>ホショウキョウカイ</t>
    </rPh>
    <rPh sb="15" eb="17">
      <t>リヨウ</t>
    </rPh>
    <phoneticPr fontId="2"/>
  </si>
  <si>
    <t>東牟婁・新宮版　みんなそろって投票しましょう</t>
    <rPh sb="0" eb="3">
      <t>ヒガシムロ</t>
    </rPh>
    <rPh sb="4" eb="6">
      <t>シングウ</t>
    </rPh>
    <rPh sb="6" eb="7">
      <t>バン</t>
    </rPh>
    <rPh sb="15" eb="17">
      <t>トウヒョウ</t>
    </rPh>
    <phoneticPr fontId="2"/>
  </si>
  <si>
    <t>東牟婁・新宮版　食中毒をなくしましょう</t>
    <rPh sb="0" eb="3">
      <t>ヒガシムロ</t>
    </rPh>
    <rPh sb="4" eb="6">
      <t>シングウ</t>
    </rPh>
    <rPh sb="6" eb="7">
      <t>バン</t>
    </rPh>
    <rPh sb="8" eb="11">
      <t>ショクチュウドク</t>
    </rPh>
    <phoneticPr fontId="2"/>
  </si>
  <si>
    <t>新選良きまる　小野知事三選、投票率８２％</t>
    <rPh sb="0" eb="1">
      <t>シン</t>
    </rPh>
    <rPh sb="1" eb="3">
      <t>センリョウ</t>
    </rPh>
    <rPh sb="7" eb="9">
      <t>オノ</t>
    </rPh>
    <rPh sb="9" eb="11">
      <t>チジ</t>
    </rPh>
    <rPh sb="11" eb="12">
      <t>3</t>
    </rPh>
    <rPh sb="12" eb="13">
      <t>セン</t>
    </rPh>
    <rPh sb="14" eb="17">
      <t>トウヒョウリツ</t>
    </rPh>
    <phoneticPr fontId="2"/>
  </si>
  <si>
    <t>公約を誠実に　新知事（小野真次）、談話を発表</t>
    <rPh sb="0" eb="2">
      <t>コウヤク</t>
    </rPh>
    <rPh sb="3" eb="5">
      <t>セイジツ</t>
    </rPh>
    <rPh sb="7" eb="10">
      <t>シンチジ</t>
    </rPh>
    <rPh sb="11" eb="13">
      <t>オノ</t>
    </rPh>
    <rPh sb="13" eb="15">
      <t>シンジ</t>
    </rPh>
    <rPh sb="17" eb="19">
      <t>ダンワ</t>
    </rPh>
    <rPh sb="20" eb="22">
      <t>ハッピョウ</t>
    </rPh>
    <phoneticPr fontId="2"/>
  </si>
  <si>
    <t>新県議会議員の顔ぶれ</t>
    <rPh sb="0" eb="1">
      <t>シン</t>
    </rPh>
    <rPh sb="1" eb="4">
      <t>ケンギカイ</t>
    </rPh>
    <rPh sb="4" eb="6">
      <t>ギイン</t>
    </rPh>
    <rPh sb="7" eb="8">
      <t>カオ</t>
    </rPh>
    <phoneticPr fontId="2"/>
  </si>
  <si>
    <t>児童福祉週間　５月３日～５月９日</t>
    <rPh sb="0" eb="2">
      <t>ジドウ</t>
    </rPh>
    <rPh sb="2" eb="4">
      <t>フクシ</t>
    </rPh>
    <rPh sb="4" eb="6">
      <t>シュウカン</t>
    </rPh>
    <rPh sb="7" eb="9">
      <t>ゴガツ</t>
    </rPh>
    <rPh sb="9" eb="11">
      <t>ミッカ</t>
    </rPh>
    <rPh sb="12" eb="14">
      <t>ゴガツ</t>
    </rPh>
    <rPh sb="15" eb="16">
      <t>ヒ</t>
    </rPh>
    <phoneticPr fontId="2"/>
  </si>
  <si>
    <t>愛鳥週間　５月１０日→５月１６日</t>
    <rPh sb="0" eb="2">
      <t>アイチョウ</t>
    </rPh>
    <rPh sb="2" eb="4">
      <t>シュウカン</t>
    </rPh>
    <rPh sb="6" eb="7">
      <t>ガツ</t>
    </rPh>
    <rPh sb="9" eb="10">
      <t>ヒ</t>
    </rPh>
    <rPh sb="12" eb="13">
      <t>ガツ</t>
    </rPh>
    <rPh sb="15" eb="16">
      <t>ニチ</t>
    </rPh>
    <phoneticPr fontId="2"/>
  </si>
  <si>
    <t>特集　こどもを幸福にするために　不良出版物の追放など　三日から児童福祉週間（写真）</t>
    <rPh sb="0" eb="2">
      <t>トクシュウ</t>
    </rPh>
    <rPh sb="7" eb="9">
      <t>コウフク</t>
    </rPh>
    <rPh sb="16" eb="18">
      <t>フリョウ</t>
    </rPh>
    <rPh sb="18" eb="21">
      <t>シュッパンブツ</t>
    </rPh>
    <rPh sb="22" eb="24">
      <t>ツイホウ</t>
    </rPh>
    <rPh sb="27" eb="28">
      <t>3</t>
    </rPh>
    <rPh sb="28" eb="29">
      <t>ヒ</t>
    </rPh>
    <rPh sb="31" eb="37">
      <t>ジドウフクシシュウカン</t>
    </rPh>
    <rPh sb="38" eb="40">
      <t>シャシン</t>
    </rPh>
    <phoneticPr fontId="2"/>
  </si>
  <si>
    <t>育てあげた戦災孤児　木村氏の篤行表彰を申請</t>
    <rPh sb="0" eb="1">
      <t>ソダ</t>
    </rPh>
    <rPh sb="5" eb="7">
      <t>センサイ</t>
    </rPh>
    <rPh sb="7" eb="9">
      <t>コジ</t>
    </rPh>
    <rPh sb="10" eb="12">
      <t>キムラ</t>
    </rPh>
    <rPh sb="12" eb="13">
      <t>シ</t>
    </rPh>
    <rPh sb="14" eb="15">
      <t>アツシ</t>
    </rPh>
    <rPh sb="15" eb="16">
      <t>ギョウ</t>
    </rPh>
    <rPh sb="16" eb="18">
      <t>ヒョウショウ</t>
    </rPh>
    <rPh sb="19" eb="21">
      <t>シンセイ</t>
    </rPh>
    <phoneticPr fontId="2"/>
  </si>
  <si>
    <t>児童相談所を利用しましょう（写真）</t>
    <rPh sb="0" eb="2">
      <t>ジドウ</t>
    </rPh>
    <rPh sb="2" eb="5">
      <t>ソウダンジョ</t>
    </rPh>
    <rPh sb="6" eb="8">
      <t>リヨウ</t>
    </rPh>
    <rPh sb="14" eb="16">
      <t>シャシン</t>
    </rPh>
    <phoneticPr fontId="2"/>
  </si>
  <si>
    <t>『お母さんのつどい』を</t>
    <rPh sb="2" eb="3">
      <t>カア</t>
    </rPh>
    <phoneticPr fontId="2"/>
  </si>
  <si>
    <t>５月１日→３１日　日赤募金</t>
    <rPh sb="1" eb="2">
      <t>ガツ</t>
    </rPh>
    <rPh sb="3" eb="4">
      <t>ヒ</t>
    </rPh>
    <rPh sb="7" eb="8">
      <t>ニチ</t>
    </rPh>
    <rPh sb="9" eb="11">
      <t>ニッセキ</t>
    </rPh>
    <rPh sb="11" eb="13">
      <t>ボキン</t>
    </rPh>
    <phoneticPr fontId="2"/>
  </si>
  <si>
    <t>赤ちゃん県下一きまる　女子　伊津子ちゃんは日本一に</t>
    <rPh sb="0" eb="1">
      <t>アカ</t>
    </rPh>
    <rPh sb="4" eb="6">
      <t>ケンカ</t>
    </rPh>
    <rPh sb="6" eb="7">
      <t>イチ</t>
    </rPh>
    <rPh sb="11" eb="13">
      <t>ジョシ</t>
    </rPh>
    <rPh sb="14" eb="17">
      <t>イツコ</t>
    </rPh>
    <rPh sb="21" eb="23">
      <t>ニホン</t>
    </rPh>
    <rPh sb="23" eb="24">
      <t>イチ</t>
    </rPh>
    <phoneticPr fontId="2"/>
  </si>
  <si>
    <t>早朝と昼食後に多い　サービス・ステーションの利用者（写真）</t>
    <rPh sb="0" eb="2">
      <t>ソウチョウ</t>
    </rPh>
    <rPh sb="3" eb="6">
      <t>チュウショクゴ</t>
    </rPh>
    <rPh sb="7" eb="8">
      <t>オオ</t>
    </rPh>
    <rPh sb="22" eb="25">
      <t>リヨウシャ</t>
    </rPh>
    <rPh sb="26" eb="28">
      <t>シャシン</t>
    </rPh>
    <phoneticPr fontId="2"/>
  </si>
  <si>
    <t>煙樹ヶ浜に小鳥の楽園　愛鳥週間に贈る心温まる話題</t>
    <rPh sb="0" eb="4">
      <t>エンジュガハマ</t>
    </rPh>
    <rPh sb="5" eb="7">
      <t>コトリ</t>
    </rPh>
    <rPh sb="8" eb="10">
      <t>ラクエン</t>
    </rPh>
    <rPh sb="11" eb="15">
      <t>アイチョウシュウカン</t>
    </rPh>
    <rPh sb="16" eb="17">
      <t>オク</t>
    </rPh>
    <rPh sb="18" eb="19">
      <t>ココロ</t>
    </rPh>
    <rPh sb="19" eb="20">
      <t>アタタ</t>
    </rPh>
    <rPh sb="22" eb="24">
      <t>ワダイ</t>
    </rPh>
    <phoneticPr fontId="2"/>
  </si>
  <si>
    <t>優良貯蓄組合など表彰</t>
    <rPh sb="0" eb="2">
      <t>ユウリョウ</t>
    </rPh>
    <rPh sb="2" eb="4">
      <t>チョチク</t>
    </rPh>
    <rPh sb="4" eb="6">
      <t>クミアイ</t>
    </rPh>
    <rPh sb="8" eb="10">
      <t>ヒョウショウ</t>
    </rPh>
    <phoneticPr fontId="2"/>
  </si>
  <si>
    <t>ディルドリンが有効です　本県にも水稲の大敵イネカラバエ</t>
    <rPh sb="7" eb="9">
      <t>ユウコウ</t>
    </rPh>
    <rPh sb="12" eb="14">
      <t>ホンケン</t>
    </rPh>
    <rPh sb="16" eb="18">
      <t>ミズイネ</t>
    </rPh>
    <rPh sb="19" eb="21">
      <t>タイテキ</t>
    </rPh>
    <phoneticPr fontId="2"/>
  </si>
  <si>
    <t>アユ百万尾放流</t>
    <rPh sb="2" eb="3">
      <t>100</t>
    </rPh>
    <rPh sb="3" eb="4">
      <t>マン</t>
    </rPh>
    <rPh sb="4" eb="5">
      <t>オ</t>
    </rPh>
    <rPh sb="5" eb="7">
      <t>ホウリュウ</t>
    </rPh>
    <phoneticPr fontId="2"/>
  </si>
  <si>
    <t>自衛官募集</t>
    <rPh sb="0" eb="3">
      <t>ジエイカン</t>
    </rPh>
    <rPh sb="3" eb="5">
      <t>ボシュウ</t>
    </rPh>
    <phoneticPr fontId="2"/>
  </si>
  <si>
    <t>第三回和歌山県観光写真コンテスト</t>
    <rPh sb="0" eb="1">
      <t>ダイ</t>
    </rPh>
    <rPh sb="1" eb="2">
      <t>3</t>
    </rPh>
    <rPh sb="2" eb="3">
      <t>カイ</t>
    </rPh>
    <rPh sb="3" eb="7">
      <t>ワカヤマケン</t>
    </rPh>
    <rPh sb="7" eb="9">
      <t>カンコウ</t>
    </rPh>
    <rPh sb="9" eb="11">
      <t>シャシン</t>
    </rPh>
    <phoneticPr fontId="2"/>
  </si>
  <si>
    <t>５月１１日→２０日　春季交通安全運動</t>
    <rPh sb="1" eb="2">
      <t>ガツ</t>
    </rPh>
    <rPh sb="4" eb="5">
      <t>ニチ</t>
    </rPh>
    <rPh sb="8" eb="9">
      <t>ヒ</t>
    </rPh>
    <rPh sb="10" eb="12">
      <t>シュンキ</t>
    </rPh>
    <rPh sb="12" eb="14">
      <t>コウツウ</t>
    </rPh>
    <rPh sb="14" eb="18">
      <t>アンゼンウンドウ</t>
    </rPh>
    <phoneticPr fontId="2"/>
  </si>
  <si>
    <t>苗代の病害虫防除</t>
    <rPh sb="0" eb="1">
      <t>ビョウ</t>
    </rPh>
    <rPh sb="1" eb="2">
      <t>シロ</t>
    </rPh>
    <rPh sb="3" eb="6">
      <t>ビョウガイチュウ</t>
    </rPh>
    <rPh sb="6" eb="8">
      <t>ボウジョ</t>
    </rPh>
    <phoneticPr fontId="2"/>
  </si>
  <si>
    <t>市内版　芦原婦人会　結婚改善に力こぶ　史上は隣保館を利用　料理は会員で調理　</t>
    <rPh sb="0" eb="2">
      <t>シナイ</t>
    </rPh>
    <rPh sb="2" eb="3">
      <t>バン</t>
    </rPh>
    <rPh sb="4" eb="6">
      <t>アシハラ</t>
    </rPh>
    <rPh sb="6" eb="9">
      <t>フジンカイ</t>
    </rPh>
    <rPh sb="10" eb="12">
      <t>ケッコン</t>
    </rPh>
    <rPh sb="12" eb="14">
      <t>カイゼン</t>
    </rPh>
    <rPh sb="15" eb="16">
      <t>チカラ</t>
    </rPh>
    <rPh sb="19" eb="21">
      <t>シジョウ</t>
    </rPh>
    <rPh sb="22" eb="24">
      <t>リンポ</t>
    </rPh>
    <rPh sb="24" eb="25">
      <t>カン</t>
    </rPh>
    <rPh sb="26" eb="28">
      <t>リヨウ</t>
    </rPh>
    <rPh sb="29" eb="31">
      <t>リョウリ</t>
    </rPh>
    <rPh sb="32" eb="34">
      <t>カイイン</t>
    </rPh>
    <rPh sb="35" eb="37">
      <t>チョウリ</t>
    </rPh>
    <phoneticPr fontId="2"/>
  </si>
  <si>
    <t>市内版　市駅前広場完成す（写真）</t>
    <rPh sb="0" eb="3">
      <t>シナイバン</t>
    </rPh>
    <rPh sb="4" eb="6">
      <t>シエキ</t>
    </rPh>
    <rPh sb="6" eb="7">
      <t>マエ</t>
    </rPh>
    <rPh sb="7" eb="9">
      <t>ヒロバ</t>
    </rPh>
    <rPh sb="9" eb="11">
      <t>カンセイ</t>
    </rPh>
    <rPh sb="13" eb="15">
      <t>シャシン</t>
    </rPh>
    <phoneticPr fontId="2"/>
  </si>
  <si>
    <t>市内版　新和歌浦で道路拡張（写真）</t>
    <rPh sb="0" eb="3">
      <t>シナイバン</t>
    </rPh>
    <rPh sb="4" eb="8">
      <t>シンワカウラ</t>
    </rPh>
    <rPh sb="9" eb="11">
      <t>ドウロ</t>
    </rPh>
    <rPh sb="11" eb="13">
      <t>カクチョウ</t>
    </rPh>
    <rPh sb="14" eb="16">
      <t>シャシン</t>
    </rPh>
    <phoneticPr fontId="2"/>
  </si>
  <si>
    <t>市内版　全日本赤ちゃんコンクール　全国一に伊津子ちゃん　彰也くんもベスト１０に</t>
    <rPh sb="0" eb="3">
      <t>シナイバン</t>
    </rPh>
    <rPh sb="4" eb="7">
      <t>ゼンニホン</t>
    </rPh>
    <rPh sb="7" eb="8">
      <t>アカ</t>
    </rPh>
    <rPh sb="17" eb="19">
      <t>ゼンコク</t>
    </rPh>
    <rPh sb="19" eb="20">
      <t>イチ</t>
    </rPh>
    <rPh sb="21" eb="24">
      <t>イツコ</t>
    </rPh>
    <rPh sb="28" eb="29">
      <t>アキラ</t>
    </rPh>
    <rPh sb="29" eb="30">
      <t>ヤ</t>
    </rPh>
    <phoneticPr fontId="2"/>
  </si>
  <si>
    <t>市内版　不幸な子どもに　感心な中学生の贈物</t>
    <rPh sb="0" eb="3">
      <t>シナイバン</t>
    </rPh>
    <rPh sb="4" eb="6">
      <t>フコウ</t>
    </rPh>
    <rPh sb="7" eb="8">
      <t>コ</t>
    </rPh>
    <rPh sb="12" eb="14">
      <t>カンシン</t>
    </rPh>
    <rPh sb="15" eb="18">
      <t>チュウガクセイ</t>
    </rPh>
    <rPh sb="19" eb="21">
      <t>オクリモノ</t>
    </rPh>
    <phoneticPr fontId="2"/>
  </si>
  <si>
    <t>市内版　みのった改善の数々　活躍する黒田友の会</t>
    <rPh sb="0" eb="3">
      <t>シナイバン</t>
    </rPh>
    <rPh sb="8" eb="10">
      <t>カイゼン</t>
    </rPh>
    <rPh sb="11" eb="13">
      <t>カズカズ</t>
    </rPh>
    <rPh sb="14" eb="16">
      <t>カツヤク</t>
    </rPh>
    <rPh sb="18" eb="20">
      <t>クロダ</t>
    </rPh>
    <rPh sb="20" eb="21">
      <t>トモ</t>
    </rPh>
    <rPh sb="22" eb="23">
      <t>カイ</t>
    </rPh>
    <phoneticPr fontId="2"/>
  </si>
  <si>
    <t>市内版　今福に住宅センター　鉄筋アパート続々</t>
    <rPh sb="0" eb="3">
      <t>シナイバン</t>
    </rPh>
    <rPh sb="4" eb="6">
      <t>イマフク</t>
    </rPh>
    <rPh sb="7" eb="9">
      <t>ジュウタク</t>
    </rPh>
    <rPh sb="14" eb="16">
      <t>テッキン</t>
    </rPh>
    <rPh sb="20" eb="22">
      <t>ゾクゾク</t>
    </rPh>
    <phoneticPr fontId="2"/>
  </si>
  <si>
    <t>市内版　新農薬危害防止月間　５月１日～５月３１日</t>
    <rPh sb="0" eb="3">
      <t>シナイバン</t>
    </rPh>
    <rPh sb="4" eb="5">
      <t>シン</t>
    </rPh>
    <rPh sb="5" eb="7">
      <t>ノウヤク</t>
    </rPh>
    <rPh sb="7" eb="9">
      <t>キガイ</t>
    </rPh>
    <rPh sb="9" eb="11">
      <t>ボウシ</t>
    </rPh>
    <rPh sb="11" eb="13">
      <t>ゲッカン</t>
    </rPh>
    <rPh sb="15" eb="16">
      <t>ガツ</t>
    </rPh>
    <rPh sb="17" eb="18">
      <t>ヒ</t>
    </rPh>
    <rPh sb="20" eb="21">
      <t>ガツ</t>
    </rPh>
    <rPh sb="23" eb="24">
      <t>ニチ</t>
    </rPh>
    <phoneticPr fontId="2"/>
  </si>
  <si>
    <t>海草・海南版　双生児が揃って入選　郡内赤ちゃんコンクール（写真）</t>
    <rPh sb="0" eb="2">
      <t>カイソウ</t>
    </rPh>
    <rPh sb="3" eb="5">
      <t>カイナン</t>
    </rPh>
    <rPh sb="5" eb="6">
      <t>バン</t>
    </rPh>
    <rPh sb="7" eb="10">
      <t>ソウセイジ</t>
    </rPh>
    <rPh sb="11" eb="12">
      <t>ソロ</t>
    </rPh>
    <rPh sb="14" eb="16">
      <t>ニュウセン</t>
    </rPh>
    <rPh sb="17" eb="19">
      <t>グンナイ</t>
    </rPh>
    <rPh sb="19" eb="20">
      <t>アカ</t>
    </rPh>
    <rPh sb="29" eb="31">
      <t>シャシン</t>
    </rPh>
    <phoneticPr fontId="2"/>
  </si>
  <si>
    <t>海草・海南版　昭和橋など完成　貴志川筋</t>
    <rPh sb="0" eb="2">
      <t>カイソウ</t>
    </rPh>
    <rPh sb="3" eb="5">
      <t>カイナン</t>
    </rPh>
    <rPh sb="5" eb="6">
      <t>バン</t>
    </rPh>
    <rPh sb="7" eb="10">
      <t>ショウワバシ</t>
    </rPh>
    <rPh sb="12" eb="14">
      <t>カンセイ</t>
    </rPh>
    <rPh sb="15" eb="18">
      <t>キシガワ</t>
    </rPh>
    <rPh sb="18" eb="19">
      <t>スジ</t>
    </rPh>
    <phoneticPr fontId="2"/>
  </si>
  <si>
    <t>海草・海南版　八月には取入れ　早植の稲作順調に進む</t>
    <rPh sb="0" eb="2">
      <t>カイソウ</t>
    </rPh>
    <rPh sb="3" eb="5">
      <t>カイナン</t>
    </rPh>
    <rPh sb="5" eb="6">
      <t>バン</t>
    </rPh>
    <rPh sb="7" eb="8">
      <t>8</t>
    </rPh>
    <rPh sb="8" eb="9">
      <t>ガツ</t>
    </rPh>
    <rPh sb="11" eb="13">
      <t>トリイ</t>
    </rPh>
    <rPh sb="15" eb="16">
      <t>ハヤ</t>
    </rPh>
    <rPh sb="16" eb="17">
      <t>ウ</t>
    </rPh>
    <rPh sb="18" eb="20">
      <t>イナサク</t>
    </rPh>
    <rPh sb="20" eb="22">
      <t>ジュンチョウ</t>
    </rPh>
    <rPh sb="23" eb="24">
      <t>スス</t>
    </rPh>
    <phoneticPr fontId="2"/>
  </si>
  <si>
    <t>海草・海南版　殉職者遺族に補償費を伝達</t>
    <rPh sb="0" eb="2">
      <t>カイソウ</t>
    </rPh>
    <rPh sb="3" eb="5">
      <t>カイナン</t>
    </rPh>
    <rPh sb="5" eb="6">
      <t>バン</t>
    </rPh>
    <rPh sb="7" eb="10">
      <t>ジュンショクシャ</t>
    </rPh>
    <rPh sb="10" eb="12">
      <t>イゾク</t>
    </rPh>
    <rPh sb="13" eb="16">
      <t>ホショウヒ</t>
    </rPh>
    <rPh sb="17" eb="19">
      <t>デンタツ</t>
    </rPh>
    <phoneticPr fontId="2"/>
  </si>
  <si>
    <t>海草・海南版　住民税を納めましょう　住みよい郷土建設のため</t>
    <rPh sb="0" eb="2">
      <t>カイソウ</t>
    </rPh>
    <rPh sb="3" eb="5">
      <t>カイナン</t>
    </rPh>
    <rPh sb="5" eb="6">
      <t>バン</t>
    </rPh>
    <rPh sb="7" eb="10">
      <t>ジュウミンゼイ</t>
    </rPh>
    <rPh sb="11" eb="12">
      <t>オサ</t>
    </rPh>
    <rPh sb="18" eb="19">
      <t>ス</t>
    </rPh>
    <rPh sb="22" eb="24">
      <t>キョウド</t>
    </rPh>
    <rPh sb="24" eb="26">
      <t>ケンセツ</t>
    </rPh>
    <phoneticPr fontId="2"/>
  </si>
  <si>
    <t>海草・海南版　伸々と元気に　有功ヶ丘学園の子ら</t>
    <rPh sb="0" eb="2">
      <t>カイソウ</t>
    </rPh>
    <rPh sb="3" eb="5">
      <t>カイナン</t>
    </rPh>
    <rPh sb="5" eb="6">
      <t>バン</t>
    </rPh>
    <rPh sb="7" eb="8">
      <t>ノ</t>
    </rPh>
    <rPh sb="10" eb="12">
      <t>ゲンキ</t>
    </rPh>
    <rPh sb="14" eb="15">
      <t>アリ</t>
    </rPh>
    <rPh sb="15" eb="16">
      <t>コウ</t>
    </rPh>
    <rPh sb="17" eb="18">
      <t>オカ</t>
    </rPh>
    <rPh sb="18" eb="20">
      <t>ガクエン</t>
    </rPh>
    <rPh sb="21" eb="22">
      <t>コ</t>
    </rPh>
    <phoneticPr fontId="2"/>
  </si>
  <si>
    <t>海草・海南版　和やかに運動会　野上町の消防団（写真）</t>
    <rPh sb="0" eb="2">
      <t>カイソウ</t>
    </rPh>
    <rPh sb="3" eb="5">
      <t>カイナン</t>
    </rPh>
    <rPh sb="5" eb="6">
      <t>バン</t>
    </rPh>
    <rPh sb="7" eb="8">
      <t>ナゴ</t>
    </rPh>
    <rPh sb="11" eb="14">
      <t>ウンドウカイ</t>
    </rPh>
    <rPh sb="15" eb="18">
      <t>ノカミチョウ</t>
    </rPh>
    <rPh sb="19" eb="22">
      <t>ショウボウダン</t>
    </rPh>
    <rPh sb="23" eb="25">
      <t>シャシン</t>
    </rPh>
    <phoneticPr fontId="2"/>
  </si>
  <si>
    <t>海草・海南版　解消する水の悩み　下神野に上水道施設（写真）</t>
    <rPh sb="0" eb="2">
      <t>カイソウ</t>
    </rPh>
    <rPh sb="3" eb="5">
      <t>カイナン</t>
    </rPh>
    <rPh sb="5" eb="6">
      <t>バン</t>
    </rPh>
    <rPh sb="7" eb="9">
      <t>カイショウ</t>
    </rPh>
    <rPh sb="11" eb="12">
      <t>ミズ</t>
    </rPh>
    <rPh sb="13" eb="14">
      <t>ナヤ</t>
    </rPh>
    <rPh sb="16" eb="17">
      <t>シモ</t>
    </rPh>
    <rPh sb="17" eb="19">
      <t>コウノ</t>
    </rPh>
    <rPh sb="20" eb="25">
      <t>ジョウスイドウシセツ</t>
    </rPh>
    <rPh sb="26" eb="28">
      <t>シャシン</t>
    </rPh>
    <phoneticPr fontId="2"/>
  </si>
  <si>
    <t>海草・海南版　表彰に輝く亀川愛育会　徹底した母子衛生の向上</t>
    <rPh sb="0" eb="2">
      <t>カイソウ</t>
    </rPh>
    <rPh sb="3" eb="5">
      <t>カイナン</t>
    </rPh>
    <rPh sb="5" eb="6">
      <t>バン</t>
    </rPh>
    <rPh sb="7" eb="9">
      <t>ヒョウショウ</t>
    </rPh>
    <rPh sb="10" eb="11">
      <t>カガヤ</t>
    </rPh>
    <rPh sb="12" eb="14">
      <t>カメガワ</t>
    </rPh>
    <rPh sb="14" eb="16">
      <t>アイイク</t>
    </rPh>
    <rPh sb="16" eb="17">
      <t>カイ</t>
    </rPh>
    <rPh sb="18" eb="20">
      <t>テッテイ</t>
    </rPh>
    <rPh sb="22" eb="24">
      <t>ボシ</t>
    </rPh>
    <rPh sb="24" eb="26">
      <t>エイセイ</t>
    </rPh>
    <rPh sb="27" eb="29">
      <t>コウジョウ</t>
    </rPh>
    <phoneticPr fontId="2"/>
  </si>
  <si>
    <t>海草・海南版　木の香も新しい公民館で改善結婚</t>
    <rPh sb="0" eb="2">
      <t>カイソウ</t>
    </rPh>
    <rPh sb="3" eb="5">
      <t>カイナン</t>
    </rPh>
    <rPh sb="5" eb="6">
      <t>バン</t>
    </rPh>
    <rPh sb="7" eb="8">
      <t>キ</t>
    </rPh>
    <rPh sb="9" eb="10">
      <t>カ</t>
    </rPh>
    <rPh sb="11" eb="12">
      <t>アタラ</t>
    </rPh>
    <rPh sb="14" eb="17">
      <t>コウミンカン</t>
    </rPh>
    <rPh sb="18" eb="20">
      <t>カイゼン</t>
    </rPh>
    <rPh sb="20" eb="22">
      <t>ケッコン</t>
    </rPh>
    <phoneticPr fontId="2"/>
  </si>
  <si>
    <t>海草・海南版　新農薬危害防止月間　５月１日～５月３１日</t>
    <rPh sb="0" eb="2">
      <t>カイソウ</t>
    </rPh>
    <rPh sb="3" eb="5">
      <t>カイナン</t>
    </rPh>
    <rPh sb="5" eb="6">
      <t>バン</t>
    </rPh>
    <phoneticPr fontId="2"/>
  </si>
  <si>
    <t>那賀版　各地に公共施設続々（写真　松林の中に堂々と完成した応神中学校講堂）</t>
    <rPh sb="0" eb="2">
      <t>ナガ</t>
    </rPh>
    <rPh sb="2" eb="3">
      <t>バン</t>
    </rPh>
    <rPh sb="4" eb="6">
      <t>カクチ</t>
    </rPh>
    <rPh sb="7" eb="9">
      <t>コウキョウ</t>
    </rPh>
    <rPh sb="9" eb="11">
      <t>シセツ</t>
    </rPh>
    <rPh sb="11" eb="13">
      <t>ゾクゾク</t>
    </rPh>
    <rPh sb="14" eb="16">
      <t>シャシン</t>
    </rPh>
    <rPh sb="17" eb="19">
      <t>マツバヤシ</t>
    </rPh>
    <rPh sb="20" eb="21">
      <t>ナカ</t>
    </rPh>
    <rPh sb="22" eb="24">
      <t>ドウドウ</t>
    </rPh>
    <rPh sb="25" eb="27">
      <t>カンセイ</t>
    </rPh>
    <rPh sb="29" eb="31">
      <t>オウジン</t>
    </rPh>
    <rPh sb="31" eb="34">
      <t>チュウガッコウ</t>
    </rPh>
    <rPh sb="34" eb="36">
      <t>コウドウ</t>
    </rPh>
    <phoneticPr fontId="2"/>
  </si>
  <si>
    <t>那賀版　待望の岩出橋竣工（写真　完成した岩出橋）</t>
    <rPh sb="0" eb="2">
      <t>ナガ</t>
    </rPh>
    <rPh sb="2" eb="3">
      <t>バン</t>
    </rPh>
    <rPh sb="4" eb="6">
      <t>タイボウ</t>
    </rPh>
    <rPh sb="7" eb="10">
      <t>イワデバシ</t>
    </rPh>
    <rPh sb="10" eb="12">
      <t>シュンコウ</t>
    </rPh>
    <rPh sb="13" eb="15">
      <t>シャシン</t>
    </rPh>
    <rPh sb="16" eb="18">
      <t>カンセイ</t>
    </rPh>
    <rPh sb="20" eb="23">
      <t>イワデバシ</t>
    </rPh>
    <phoneticPr fontId="2"/>
  </si>
  <si>
    <t>那賀版　自立更生への足場　期待に応えて母子寮完成（写真）</t>
    <rPh sb="0" eb="2">
      <t>ナガ</t>
    </rPh>
    <rPh sb="2" eb="3">
      <t>バン</t>
    </rPh>
    <rPh sb="4" eb="6">
      <t>ジリツ</t>
    </rPh>
    <rPh sb="6" eb="8">
      <t>コウセイ</t>
    </rPh>
    <rPh sb="10" eb="12">
      <t>アシバ</t>
    </rPh>
    <rPh sb="13" eb="15">
      <t>キタイ</t>
    </rPh>
    <rPh sb="16" eb="17">
      <t>コタ</t>
    </rPh>
    <rPh sb="19" eb="22">
      <t>ボシリョウ</t>
    </rPh>
    <rPh sb="22" eb="24">
      <t>カンセイ</t>
    </rPh>
    <rPh sb="25" eb="27">
      <t>シャシン</t>
    </rPh>
    <phoneticPr fontId="2"/>
  </si>
  <si>
    <t>那賀版　竜門橋突貫工事で着々進歩</t>
    <rPh sb="0" eb="2">
      <t>ナガ</t>
    </rPh>
    <rPh sb="2" eb="3">
      <t>バン</t>
    </rPh>
    <rPh sb="4" eb="7">
      <t>リュウモンバシ</t>
    </rPh>
    <rPh sb="7" eb="9">
      <t>トッカン</t>
    </rPh>
    <rPh sb="9" eb="11">
      <t>コウジ</t>
    </rPh>
    <rPh sb="12" eb="14">
      <t>チャクチャク</t>
    </rPh>
    <rPh sb="14" eb="16">
      <t>シンポ</t>
    </rPh>
    <phoneticPr fontId="2"/>
  </si>
  <si>
    <t>那賀版　郡民の声　稲作改造を望む</t>
    <rPh sb="0" eb="2">
      <t>ナガ</t>
    </rPh>
    <rPh sb="2" eb="3">
      <t>バン</t>
    </rPh>
    <rPh sb="4" eb="6">
      <t>グンミン</t>
    </rPh>
    <rPh sb="7" eb="8">
      <t>コエ</t>
    </rPh>
    <rPh sb="9" eb="11">
      <t>イナサク</t>
    </rPh>
    <rPh sb="11" eb="13">
      <t>カイゾウ</t>
    </rPh>
    <rPh sb="14" eb="15">
      <t>ノゾ</t>
    </rPh>
    <phoneticPr fontId="2"/>
  </si>
  <si>
    <t>那賀版　見事な射撃競技　猟友会那賀支部総会</t>
    <rPh sb="0" eb="2">
      <t>ナガ</t>
    </rPh>
    <rPh sb="2" eb="3">
      <t>バン</t>
    </rPh>
    <rPh sb="4" eb="6">
      <t>ミゴト</t>
    </rPh>
    <rPh sb="7" eb="9">
      <t>シャゲキ</t>
    </rPh>
    <rPh sb="9" eb="11">
      <t>キョウギ</t>
    </rPh>
    <rPh sb="12" eb="15">
      <t>リョウユウカイ</t>
    </rPh>
    <rPh sb="15" eb="17">
      <t>ナガ</t>
    </rPh>
    <rPh sb="17" eb="19">
      <t>シブ</t>
    </rPh>
    <rPh sb="19" eb="21">
      <t>ソウカイ</t>
    </rPh>
    <phoneticPr fontId="2"/>
  </si>
  <si>
    <t>那賀版　丸井さんから初便り　農業研究　日米親善</t>
    <rPh sb="0" eb="2">
      <t>ナガ</t>
    </rPh>
    <rPh sb="2" eb="3">
      <t>バン</t>
    </rPh>
    <rPh sb="4" eb="6">
      <t>マルイ</t>
    </rPh>
    <rPh sb="10" eb="12">
      <t>ハツダヨ</t>
    </rPh>
    <rPh sb="14" eb="16">
      <t>ノウギョウ</t>
    </rPh>
    <rPh sb="16" eb="18">
      <t>ケンキュウ</t>
    </rPh>
    <rPh sb="19" eb="21">
      <t>ニチベイ</t>
    </rPh>
    <rPh sb="21" eb="23">
      <t>シンゼン</t>
    </rPh>
    <phoneticPr fontId="2"/>
  </si>
  <si>
    <t>那賀版　産業展望　一石二鳥の養蜂</t>
    <rPh sb="0" eb="2">
      <t>ナガ</t>
    </rPh>
    <rPh sb="2" eb="3">
      <t>バン</t>
    </rPh>
    <rPh sb="4" eb="6">
      <t>サンギョウ</t>
    </rPh>
    <rPh sb="6" eb="8">
      <t>テンボウ</t>
    </rPh>
    <rPh sb="9" eb="13">
      <t>イッセキニチョウ</t>
    </rPh>
    <rPh sb="14" eb="16">
      <t>ヨウホウ</t>
    </rPh>
    <phoneticPr fontId="2"/>
  </si>
  <si>
    <t>那賀版　新農薬危害防止月間　５月１日～５月３１日</t>
    <rPh sb="0" eb="2">
      <t>ナガ</t>
    </rPh>
    <rPh sb="2" eb="3">
      <t>バン</t>
    </rPh>
    <phoneticPr fontId="2"/>
  </si>
  <si>
    <t>伊都・橋本版　新生活郡推薦協議会　こいのぼり全廃へ　子ども銀行の充実なども決る</t>
    <rPh sb="0" eb="2">
      <t>イト</t>
    </rPh>
    <rPh sb="3" eb="5">
      <t>ハシモト</t>
    </rPh>
    <rPh sb="5" eb="6">
      <t>バン</t>
    </rPh>
    <rPh sb="7" eb="10">
      <t>シンセイカツ</t>
    </rPh>
    <rPh sb="10" eb="11">
      <t>グン</t>
    </rPh>
    <rPh sb="11" eb="13">
      <t>スイセン</t>
    </rPh>
    <rPh sb="13" eb="16">
      <t>キョウギカイ</t>
    </rPh>
    <rPh sb="22" eb="24">
      <t>ゼンパイ</t>
    </rPh>
    <rPh sb="26" eb="27">
      <t>コ</t>
    </rPh>
    <rPh sb="29" eb="31">
      <t>ギンコウ</t>
    </rPh>
    <rPh sb="32" eb="34">
      <t>ジュウジツ</t>
    </rPh>
    <rPh sb="37" eb="38">
      <t>キマ</t>
    </rPh>
    <phoneticPr fontId="2"/>
  </si>
  <si>
    <t>伊都・橋本版　三谷橋堂々竣工　渡初式盛大に終る（写真　完成した三谷橋）</t>
    <rPh sb="0" eb="2">
      <t>イト</t>
    </rPh>
    <rPh sb="3" eb="5">
      <t>ハシモト</t>
    </rPh>
    <rPh sb="5" eb="6">
      <t>バン</t>
    </rPh>
    <rPh sb="7" eb="10">
      <t>ミタニバシ</t>
    </rPh>
    <rPh sb="10" eb="12">
      <t>ドウドウ</t>
    </rPh>
    <rPh sb="12" eb="14">
      <t>シュンコウ</t>
    </rPh>
    <rPh sb="15" eb="16">
      <t>ワタ</t>
    </rPh>
    <rPh sb="16" eb="17">
      <t>ゾ</t>
    </rPh>
    <rPh sb="17" eb="18">
      <t>シキ</t>
    </rPh>
    <rPh sb="18" eb="20">
      <t>セイダイ</t>
    </rPh>
    <rPh sb="21" eb="22">
      <t>オワ</t>
    </rPh>
    <rPh sb="24" eb="26">
      <t>シャシン</t>
    </rPh>
    <rPh sb="27" eb="29">
      <t>カンセイ</t>
    </rPh>
    <rPh sb="31" eb="34">
      <t>ミタニバシ</t>
    </rPh>
    <phoneticPr fontId="2"/>
  </si>
  <si>
    <t>伊都・橋本版　心暖まる贈り物　二少女が不幸な友へ　岡本橋本市福祉事務所次長談（写真　森下修子さん、中上弘子さん）</t>
    <rPh sb="0" eb="2">
      <t>イト</t>
    </rPh>
    <rPh sb="3" eb="5">
      <t>ハシモト</t>
    </rPh>
    <rPh sb="5" eb="6">
      <t>バン</t>
    </rPh>
    <rPh sb="7" eb="8">
      <t>ココロ</t>
    </rPh>
    <rPh sb="8" eb="9">
      <t>アタタ</t>
    </rPh>
    <rPh sb="11" eb="12">
      <t>オク</t>
    </rPh>
    <rPh sb="13" eb="14">
      <t>モノ</t>
    </rPh>
    <rPh sb="15" eb="16">
      <t>2</t>
    </rPh>
    <rPh sb="16" eb="18">
      <t>ショウジョ</t>
    </rPh>
    <rPh sb="19" eb="21">
      <t>フコウ</t>
    </rPh>
    <rPh sb="22" eb="23">
      <t>トモ</t>
    </rPh>
    <rPh sb="25" eb="27">
      <t>オカモト</t>
    </rPh>
    <rPh sb="27" eb="30">
      <t>ハシモトシ</t>
    </rPh>
    <rPh sb="30" eb="32">
      <t>フクシ</t>
    </rPh>
    <rPh sb="32" eb="35">
      <t>ジムショ</t>
    </rPh>
    <rPh sb="35" eb="37">
      <t>ジチョウ</t>
    </rPh>
    <rPh sb="37" eb="38">
      <t>ダン</t>
    </rPh>
    <rPh sb="39" eb="41">
      <t>シャシン</t>
    </rPh>
    <rPh sb="42" eb="44">
      <t>モリシタ</t>
    </rPh>
    <rPh sb="44" eb="46">
      <t>シュウコ</t>
    </rPh>
    <rPh sb="49" eb="51">
      <t>ナカガミ</t>
    </rPh>
    <rPh sb="51" eb="53">
      <t>ヒロコ</t>
    </rPh>
    <phoneticPr fontId="2"/>
  </si>
  <si>
    <t>伊都・橋本版　新町村めぐり　一大農村へ　躍進する見好村（写真　戸西倍一村長）</t>
    <rPh sb="0" eb="2">
      <t>イト</t>
    </rPh>
    <rPh sb="3" eb="5">
      <t>ハシモト</t>
    </rPh>
    <rPh sb="5" eb="6">
      <t>バン</t>
    </rPh>
    <rPh sb="7" eb="8">
      <t>シン</t>
    </rPh>
    <rPh sb="8" eb="10">
      <t>チョウソン</t>
    </rPh>
    <rPh sb="14" eb="16">
      <t>イチダイ</t>
    </rPh>
    <rPh sb="16" eb="18">
      <t>ノウソン</t>
    </rPh>
    <rPh sb="20" eb="22">
      <t>ヤクシン</t>
    </rPh>
    <rPh sb="24" eb="25">
      <t>ミ</t>
    </rPh>
    <rPh sb="25" eb="26">
      <t>ヨシ</t>
    </rPh>
    <rPh sb="26" eb="27">
      <t>ムラ</t>
    </rPh>
    <rPh sb="28" eb="30">
      <t>シャシン</t>
    </rPh>
    <rPh sb="31" eb="32">
      <t>ト</t>
    </rPh>
    <rPh sb="32" eb="33">
      <t>ニシ</t>
    </rPh>
    <rPh sb="33" eb="34">
      <t>バイ</t>
    </rPh>
    <rPh sb="34" eb="35">
      <t>1</t>
    </rPh>
    <rPh sb="35" eb="37">
      <t>ソンチョウ</t>
    </rPh>
    <phoneticPr fontId="2"/>
  </si>
  <si>
    <t>伊都・橋本版　自然増８３０人　２９年度郡人口動態</t>
    <rPh sb="0" eb="2">
      <t>イト</t>
    </rPh>
    <rPh sb="3" eb="5">
      <t>ハシモト</t>
    </rPh>
    <rPh sb="5" eb="6">
      <t>バン</t>
    </rPh>
    <rPh sb="7" eb="9">
      <t>シゼン</t>
    </rPh>
    <rPh sb="9" eb="10">
      <t>ゾウ</t>
    </rPh>
    <rPh sb="13" eb="14">
      <t>ニン</t>
    </rPh>
    <rPh sb="17" eb="19">
      <t>ネンド</t>
    </rPh>
    <rPh sb="19" eb="20">
      <t>グン</t>
    </rPh>
    <rPh sb="20" eb="22">
      <t>ジンコウ</t>
    </rPh>
    <rPh sb="22" eb="24">
      <t>ドウタイ</t>
    </rPh>
    <phoneticPr fontId="2"/>
  </si>
  <si>
    <t>伊都・橋本版　活動の強化へ　４Ｈクラブ幹部講習会開く</t>
    <rPh sb="0" eb="2">
      <t>イト</t>
    </rPh>
    <rPh sb="3" eb="5">
      <t>ハシモト</t>
    </rPh>
    <rPh sb="5" eb="6">
      <t>バン</t>
    </rPh>
    <rPh sb="7" eb="9">
      <t>カツドウ</t>
    </rPh>
    <rPh sb="10" eb="12">
      <t>キョウカ</t>
    </rPh>
    <rPh sb="19" eb="21">
      <t>カンブ</t>
    </rPh>
    <rPh sb="21" eb="24">
      <t>コウシュウカイ</t>
    </rPh>
    <rPh sb="24" eb="25">
      <t>ヒラ</t>
    </rPh>
    <phoneticPr fontId="2"/>
  </si>
  <si>
    <t>伊都・橋本版　盛大に橋本市消防団葬</t>
    <rPh sb="0" eb="2">
      <t>イト</t>
    </rPh>
    <rPh sb="3" eb="5">
      <t>ハシモト</t>
    </rPh>
    <rPh sb="5" eb="6">
      <t>バン</t>
    </rPh>
    <rPh sb="7" eb="9">
      <t>セイダイ</t>
    </rPh>
    <rPh sb="10" eb="13">
      <t>ハシモトシ</t>
    </rPh>
    <rPh sb="13" eb="16">
      <t>ショウボウダン</t>
    </rPh>
    <rPh sb="16" eb="17">
      <t>ソウ</t>
    </rPh>
    <phoneticPr fontId="2"/>
  </si>
  <si>
    <t>伊都・橋本版　優良種牛　伊都へ　酪農業発展のため</t>
    <rPh sb="0" eb="2">
      <t>イト</t>
    </rPh>
    <rPh sb="3" eb="5">
      <t>ハシモト</t>
    </rPh>
    <rPh sb="5" eb="6">
      <t>バン</t>
    </rPh>
    <rPh sb="7" eb="9">
      <t>ユウリョウ</t>
    </rPh>
    <rPh sb="9" eb="11">
      <t>タネウシ</t>
    </rPh>
    <rPh sb="12" eb="14">
      <t>イト</t>
    </rPh>
    <rPh sb="16" eb="19">
      <t>ラクノウギョウ</t>
    </rPh>
    <rPh sb="19" eb="21">
      <t>ハッテン</t>
    </rPh>
    <phoneticPr fontId="2"/>
  </si>
  <si>
    <t>伊都・橋本版　県民税徴収成績優良町村を表彰</t>
    <rPh sb="0" eb="2">
      <t>イト</t>
    </rPh>
    <rPh sb="3" eb="5">
      <t>ハシモト</t>
    </rPh>
    <rPh sb="5" eb="6">
      <t>バン</t>
    </rPh>
    <rPh sb="7" eb="10">
      <t>ケンミンゼイ</t>
    </rPh>
    <rPh sb="10" eb="12">
      <t>チョウシュウ</t>
    </rPh>
    <rPh sb="12" eb="14">
      <t>セイセキ</t>
    </rPh>
    <rPh sb="14" eb="16">
      <t>ユウリョウ</t>
    </rPh>
    <rPh sb="16" eb="18">
      <t>チョウソン</t>
    </rPh>
    <rPh sb="19" eb="21">
      <t>ヒョウショウ</t>
    </rPh>
    <phoneticPr fontId="2"/>
  </si>
  <si>
    <t>伊都・橋本版　養老院「国城寮」を訪ねる</t>
    <rPh sb="0" eb="2">
      <t>イト</t>
    </rPh>
    <rPh sb="3" eb="5">
      <t>ハシモト</t>
    </rPh>
    <rPh sb="5" eb="6">
      <t>バン</t>
    </rPh>
    <rPh sb="7" eb="9">
      <t>ヨウロウ</t>
    </rPh>
    <rPh sb="9" eb="10">
      <t>イン</t>
    </rPh>
    <rPh sb="11" eb="13">
      <t>クニシロ</t>
    </rPh>
    <rPh sb="13" eb="14">
      <t>リョウ</t>
    </rPh>
    <rPh sb="16" eb="17">
      <t>タズ</t>
    </rPh>
    <phoneticPr fontId="2"/>
  </si>
  <si>
    <t>伊都・橋本版　新農薬危害防止月間　５月１日～５月３１日</t>
    <rPh sb="0" eb="2">
      <t>イト</t>
    </rPh>
    <rPh sb="3" eb="5">
      <t>ハシモト</t>
    </rPh>
    <rPh sb="5" eb="6">
      <t>バン</t>
    </rPh>
    <phoneticPr fontId="2"/>
  </si>
  <si>
    <t>有田版　復興と町村合併　新段階に処して郡民に訴う　阪上有田地方事務所長談</t>
    <rPh sb="0" eb="2">
      <t>アリダ</t>
    </rPh>
    <rPh sb="2" eb="3">
      <t>バン</t>
    </rPh>
    <rPh sb="4" eb="6">
      <t>フッコウ</t>
    </rPh>
    <rPh sb="7" eb="9">
      <t>チョウソン</t>
    </rPh>
    <rPh sb="9" eb="11">
      <t>ガッペイ</t>
    </rPh>
    <rPh sb="12" eb="15">
      <t>シンダンカイ</t>
    </rPh>
    <rPh sb="16" eb="17">
      <t>ショ</t>
    </rPh>
    <rPh sb="19" eb="21">
      <t>グンミン</t>
    </rPh>
    <rPh sb="22" eb="23">
      <t>ウッタ</t>
    </rPh>
    <rPh sb="25" eb="27">
      <t>サカウエ</t>
    </rPh>
    <rPh sb="27" eb="29">
      <t>アリダ</t>
    </rPh>
    <rPh sb="29" eb="31">
      <t>チホウ</t>
    </rPh>
    <rPh sb="31" eb="33">
      <t>ジム</t>
    </rPh>
    <rPh sb="33" eb="35">
      <t>ショチョウ</t>
    </rPh>
    <rPh sb="35" eb="36">
      <t>ダン</t>
    </rPh>
    <phoneticPr fontId="2"/>
  </si>
  <si>
    <t>有田版　日物川地区山腹砂防工事完成（写真）</t>
    <rPh sb="0" eb="2">
      <t>アリダ</t>
    </rPh>
    <rPh sb="2" eb="3">
      <t>バン</t>
    </rPh>
    <rPh sb="4" eb="7">
      <t>ヒモノガワ</t>
    </rPh>
    <rPh sb="7" eb="9">
      <t>チク</t>
    </rPh>
    <rPh sb="9" eb="11">
      <t>サンプク</t>
    </rPh>
    <rPh sb="11" eb="13">
      <t>サボウ</t>
    </rPh>
    <rPh sb="13" eb="15">
      <t>コウジ</t>
    </rPh>
    <rPh sb="15" eb="17">
      <t>カンセイ</t>
    </rPh>
    <rPh sb="18" eb="20">
      <t>シャシン</t>
    </rPh>
    <phoneticPr fontId="2"/>
  </si>
  <si>
    <t>有田版　増えた自動車　道路占有に赤信号</t>
    <rPh sb="0" eb="2">
      <t>アリダ</t>
    </rPh>
    <rPh sb="2" eb="3">
      <t>バン</t>
    </rPh>
    <rPh sb="4" eb="5">
      <t>フ</t>
    </rPh>
    <rPh sb="7" eb="10">
      <t>ジドウシャ</t>
    </rPh>
    <rPh sb="11" eb="13">
      <t>ドウロ</t>
    </rPh>
    <rPh sb="13" eb="15">
      <t>センユウ</t>
    </rPh>
    <rPh sb="16" eb="19">
      <t>アカシンゴウ</t>
    </rPh>
    <phoneticPr fontId="2"/>
  </si>
  <si>
    <t>有田版　五〇床増設　五稜病院で完成</t>
    <rPh sb="0" eb="2">
      <t>アリダ</t>
    </rPh>
    <rPh sb="2" eb="3">
      <t>バン</t>
    </rPh>
    <rPh sb="4" eb="6">
      <t>50</t>
    </rPh>
    <rPh sb="6" eb="7">
      <t>ショウ</t>
    </rPh>
    <rPh sb="7" eb="9">
      <t>ゾウセツ</t>
    </rPh>
    <rPh sb="10" eb="12">
      <t>ゴリョウ</t>
    </rPh>
    <rPh sb="12" eb="14">
      <t>ビョウイン</t>
    </rPh>
    <rPh sb="15" eb="17">
      <t>カンセイ</t>
    </rPh>
    <phoneticPr fontId="2"/>
  </si>
  <si>
    <t>有田版　養鶏熱高まる　好調の中雛実費配布</t>
    <rPh sb="0" eb="2">
      <t>アリダ</t>
    </rPh>
    <rPh sb="2" eb="3">
      <t>バン</t>
    </rPh>
    <rPh sb="4" eb="6">
      <t>ヨウケイ</t>
    </rPh>
    <rPh sb="6" eb="7">
      <t>ネツ</t>
    </rPh>
    <rPh sb="7" eb="8">
      <t>タカ</t>
    </rPh>
    <rPh sb="11" eb="13">
      <t>コウチョウ</t>
    </rPh>
    <rPh sb="14" eb="15">
      <t>ナカ</t>
    </rPh>
    <rPh sb="15" eb="16">
      <t>ヒナ</t>
    </rPh>
    <rPh sb="16" eb="18">
      <t>ジッピ</t>
    </rPh>
    <rPh sb="18" eb="20">
      <t>ハイフ</t>
    </rPh>
    <phoneticPr fontId="2"/>
  </si>
  <si>
    <t>有田版　輝く黄綬褒章　有田町の上野山氏</t>
    <rPh sb="0" eb="2">
      <t>アリダ</t>
    </rPh>
    <rPh sb="2" eb="3">
      <t>バン</t>
    </rPh>
    <rPh sb="4" eb="5">
      <t>カガヤ</t>
    </rPh>
    <rPh sb="6" eb="10">
      <t>オウジュホウショウ</t>
    </rPh>
    <rPh sb="11" eb="14">
      <t>アリダチョウ</t>
    </rPh>
    <rPh sb="15" eb="17">
      <t>ウエノ</t>
    </rPh>
    <rPh sb="18" eb="19">
      <t>シ</t>
    </rPh>
    <phoneticPr fontId="2"/>
  </si>
  <si>
    <t>有田版　重要文化財めぐり（一）　国宝『則国』の太刀（写真）</t>
    <rPh sb="0" eb="2">
      <t>アリダ</t>
    </rPh>
    <rPh sb="2" eb="3">
      <t>バン</t>
    </rPh>
    <rPh sb="4" eb="6">
      <t>ジュウヨウ</t>
    </rPh>
    <rPh sb="6" eb="9">
      <t>ブンカザイ</t>
    </rPh>
    <rPh sb="13" eb="14">
      <t>1</t>
    </rPh>
    <rPh sb="16" eb="18">
      <t>コクホウ</t>
    </rPh>
    <rPh sb="19" eb="20">
      <t>ソク</t>
    </rPh>
    <rPh sb="20" eb="21">
      <t>クニ</t>
    </rPh>
    <rPh sb="23" eb="25">
      <t>タチ</t>
    </rPh>
    <rPh sb="26" eb="28">
      <t>シャシン</t>
    </rPh>
    <phoneticPr fontId="2"/>
  </si>
  <si>
    <t>有田版　選果場など竣工　保田農協の第一期工事（写真）</t>
    <rPh sb="0" eb="2">
      <t>アリダ</t>
    </rPh>
    <rPh sb="2" eb="3">
      <t>バン</t>
    </rPh>
    <rPh sb="4" eb="7">
      <t>センカジョウ</t>
    </rPh>
    <rPh sb="9" eb="11">
      <t>シュンコウ</t>
    </rPh>
    <rPh sb="12" eb="14">
      <t>ヤスダ</t>
    </rPh>
    <rPh sb="14" eb="16">
      <t>ノウキョウ</t>
    </rPh>
    <rPh sb="17" eb="18">
      <t>ダイ</t>
    </rPh>
    <rPh sb="18" eb="19">
      <t>1</t>
    </rPh>
    <rPh sb="19" eb="20">
      <t>キ</t>
    </rPh>
    <rPh sb="20" eb="22">
      <t>コウジ</t>
    </rPh>
    <rPh sb="23" eb="25">
      <t>シャシン</t>
    </rPh>
    <phoneticPr fontId="2"/>
  </si>
  <si>
    <t>有田版　山林苗木養成計画　必ず届出を</t>
    <rPh sb="0" eb="2">
      <t>アリダ</t>
    </rPh>
    <rPh sb="2" eb="3">
      <t>バン</t>
    </rPh>
    <rPh sb="4" eb="6">
      <t>サンリン</t>
    </rPh>
    <rPh sb="6" eb="8">
      <t>ナエギ</t>
    </rPh>
    <rPh sb="8" eb="10">
      <t>ヨウセイ</t>
    </rPh>
    <rPh sb="10" eb="12">
      <t>ケイカク</t>
    </rPh>
    <rPh sb="13" eb="14">
      <t>カナラ</t>
    </rPh>
    <rPh sb="15" eb="17">
      <t>トドケデ</t>
    </rPh>
    <phoneticPr fontId="2"/>
  </si>
  <si>
    <t>有田版　湯浅から二家族　パラグアイ移民出発</t>
    <rPh sb="0" eb="2">
      <t>アリダ</t>
    </rPh>
    <rPh sb="2" eb="3">
      <t>バン</t>
    </rPh>
    <rPh sb="4" eb="6">
      <t>ユアサ</t>
    </rPh>
    <rPh sb="8" eb="9">
      <t>2</t>
    </rPh>
    <rPh sb="9" eb="11">
      <t>カゾク</t>
    </rPh>
    <rPh sb="17" eb="19">
      <t>イミン</t>
    </rPh>
    <rPh sb="19" eb="21">
      <t>シュッパツ</t>
    </rPh>
    <phoneticPr fontId="2"/>
  </si>
  <si>
    <t>有田版　今月の柑橘樹</t>
    <rPh sb="0" eb="2">
      <t>アリダ</t>
    </rPh>
    <rPh sb="2" eb="3">
      <t>バン</t>
    </rPh>
    <rPh sb="4" eb="6">
      <t>コンゲツ</t>
    </rPh>
    <rPh sb="7" eb="10">
      <t>カンキツジュ</t>
    </rPh>
    <phoneticPr fontId="2"/>
  </si>
  <si>
    <t>有田版　新農薬危害防止月間　５月１日～５月３１日</t>
    <rPh sb="0" eb="2">
      <t>アリダ</t>
    </rPh>
    <rPh sb="2" eb="3">
      <t>バン</t>
    </rPh>
    <phoneticPr fontId="2"/>
  </si>
  <si>
    <t>日高・御坊版　災害農地復旧奥地を除き完成（写真　野口地区復旧の全景）</t>
    <rPh sb="0" eb="2">
      <t>ヒダカ</t>
    </rPh>
    <rPh sb="3" eb="5">
      <t>ゴボウ</t>
    </rPh>
    <rPh sb="5" eb="6">
      <t>バン</t>
    </rPh>
    <rPh sb="7" eb="9">
      <t>サイガイ</t>
    </rPh>
    <rPh sb="9" eb="11">
      <t>ノウチ</t>
    </rPh>
    <rPh sb="11" eb="13">
      <t>フッキュウ</t>
    </rPh>
    <rPh sb="13" eb="15">
      <t>オクチ</t>
    </rPh>
    <rPh sb="16" eb="17">
      <t>ノゾ</t>
    </rPh>
    <rPh sb="18" eb="20">
      <t>カンセイ</t>
    </rPh>
    <rPh sb="21" eb="23">
      <t>シャシン</t>
    </rPh>
    <rPh sb="24" eb="26">
      <t>ノグチ</t>
    </rPh>
    <rPh sb="26" eb="28">
      <t>チク</t>
    </rPh>
    <rPh sb="28" eb="30">
      <t>フッキュウ</t>
    </rPh>
    <rPh sb="31" eb="33">
      <t>ゼンケイ</t>
    </rPh>
    <phoneticPr fontId="2"/>
  </si>
  <si>
    <t>日高・御坊版　川辺町平川の農業用水路も</t>
    <rPh sb="0" eb="2">
      <t>ヒダカ</t>
    </rPh>
    <rPh sb="3" eb="5">
      <t>ゴボウ</t>
    </rPh>
    <rPh sb="5" eb="6">
      <t>バン</t>
    </rPh>
    <rPh sb="7" eb="12">
      <t>カワベチョウヒラカワ</t>
    </rPh>
    <rPh sb="13" eb="15">
      <t>ノウギョウ</t>
    </rPh>
    <rPh sb="15" eb="18">
      <t>ヨウスイロ</t>
    </rPh>
    <phoneticPr fontId="2"/>
  </si>
  <si>
    <t>日高・御坊版　上水道竣工を記念して　和やかに部落解放促進大会</t>
    <rPh sb="0" eb="2">
      <t>ヒダカ</t>
    </rPh>
    <rPh sb="3" eb="5">
      <t>ゴボウ</t>
    </rPh>
    <rPh sb="5" eb="6">
      <t>バン</t>
    </rPh>
    <rPh sb="7" eb="10">
      <t>ジョウスイドウ</t>
    </rPh>
    <rPh sb="10" eb="12">
      <t>シュンコウ</t>
    </rPh>
    <rPh sb="13" eb="15">
      <t>キネン</t>
    </rPh>
    <rPh sb="18" eb="19">
      <t>ナゴ</t>
    </rPh>
    <rPh sb="22" eb="24">
      <t>ブラク</t>
    </rPh>
    <rPh sb="24" eb="26">
      <t>カイホウ</t>
    </rPh>
    <rPh sb="26" eb="28">
      <t>ソクシン</t>
    </rPh>
    <rPh sb="28" eb="30">
      <t>タイカイ</t>
    </rPh>
    <phoneticPr fontId="2"/>
  </si>
  <si>
    <t>日高・御坊版　三年余を費やして竣工　南部橋（写真）</t>
    <rPh sb="0" eb="2">
      <t>ヒダカ</t>
    </rPh>
    <rPh sb="3" eb="5">
      <t>ゴボウ</t>
    </rPh>
    <rPh sb="5" eb="6">
      <t>バン</t>
    </rPh>
    <rPh sb="7" eb="9">
      <t>サンネン</t>
    </rPh>
    <rPh sb="9" eb="10">
      <t>アマ</t>
    </rPh>
    <rPh sb="11" eb="12">
      <t>ツイ</t>
    </rPh>
    <rPh sb="15" eb="17">
      <t>シュンコウ</t>
    </rPh>
    <rPh sb="18" eb="20">
      <t>ミナベ</t>
    </rPh>
    <rPh sb="20" eb="21">
      <t>バシ</t>
    </rPh>
    <rPh sb="22" eb="24">
      <t>シャシン</t>
    </rPh>
    <phoneticPr fontId="2"/>
  </si>
  <si>
    <t>日高・御坊版　危険防止に珍しい試み　御坊市で一本交通を計画</t>
    <rPh sb="0" eb="2">
      <t>ヒダカ</t>
    </rPh>
    <rPh sb="3" eb="5">
      <t>ゴボウ</t>
    </rPh>
    <rPh sb="5" eb="6">
      <t>バン</t>
    </rPh>
    <rPh sb="7" eb="9">
      <t>キケン</t>
    </rPh>
    <rPh sb="9" eb="11">
      <t>ボウシ</t>
    </rPh>
    <rPh sb="12" eb="13">
      <t>メズラ</t>
    </rPh>
    <rPh sb="15" eb="16">
      <t>ココロ</t>
    </rPh>
    <rPh sb="18" eb="21">
      <t>ゴボウシ</t>
    </rPh>
    <rPh sb="22" eb="24">
      <t>イッポン</t>
    </rPh>
    <rPh sb="24" eb="26">
      <t>コウツウ</t>
    </rPh>
    <rPh sb="27" eb="29">
      <t>ケイカク</t>
    </rPh>
    <phoneticPr fontId="2"/>
  </si>
  <si>
    <t>日高・御坊版　誓詞を交し新しい門出（写真　誓詞に署名する新婦）</t>
    <rPh sb="0" eb="2">
      <t>ヒダカ</t>
    </rPh>
    <rPh sb="3" eb="5">
      <t>ゴボウ</t>
    </rPh>
    <rPh sb="5" eb="6">
      <t>バン</t>
    </rPh>
    <rPh sb="7" eb="8">
      <t>チカ</t>
    </rPh>
    <rPh sb="8" eb="9">
      <t>シ</t>
    </rPh>
    <rPh sb="10" eb="11">
      <t>カワ</t>
    </rPh>
    <rPh sb="12" eb="13">
      <t>アタラ</t>
    </rPh>
    <rPh sb="15" eb="17">
      <t>カドデ</t>
    </rPh>
    <rPh sb="18" eb="20">
      <t>シャシン</t>
    </rPh>
    <rPh sb="21" eb="22">
      <t>チカ</t>
    </rPh>
    <rPh sb="22" eb="23">
      <t>シ</t>
    </rPh>
    <rPh sb="24" eb="26">
      <t>ショメイ</t>
    </rPh>
    <rPh sb="28" eb="30">
      <t>シンプ</t>
    </rPh>
    <phoneticPr fontId="2"/>
  </si>
  <si>
    <t>日高・御坊版　美浜町の公営住宅（写真　集団公営住宅）</t>
    <rPh sb="0" eb="2">
      <t>ヒダカ</t>
    </rPh>
    <rPh sb="3" eb="5">
      <t>ゴボウ</t>
    </rPh>
    <rPh sb="5" eb="6">
      <t>バン</t>
    </rPh>
    <rPh sb="7" eb="10">
      <t>ミハマチョウ</t>
    </rPh>
    <rPh sb="11" eb="13">
      <t>コウエイ</t>
    </rPh>
    <rPh sb="13" eb="15">
      <t>ジュウタク</t>
    </rPh>
    <rPh sb="16" eb="18">
      <t>シャシン</t>
    </rPh>
    <rPh sb="19" eb="21">
      <t>シュウダン</t>
    </rPh>
    <rPh sb="21" eb="23">
      <t>コウエイ</t>
    </rPh>
    <rPh sb="23" eb="25">
      <t>ジュウタク</t>
    </rPh>
    <phoneticPr fontId="2"/>
  </si>
  <si>
    <t>日高・御坊版　県出先機関の女子職員張切る　婦人問題の解決へ協力体勢</t>
    <rPh sb="0" eb="2">
      <t>ヒダカ</t>
    </rPh>
    <rPh sb="3" eb="5">
      <t>ゴボウ</t>
    </rPh>
    <rPh sb="5" eb="6">
      <t>バン</t>
    </rPh>
    <rPh sb="7" eb="8">
      <t>ケン</t>
    </rPh>
    <rPh sb="8" eb="10">
      <t>デサキ</t>
    </rPh>
    <rPh sb="10" eb="12">
      <t>キカン</t>
    </rPh>
    <rPh sb="13" eb="15">
      <t>ジョシ</t>
    </rPh>
    <rPh sb="15" eb="17">
      <t>ショクイン</t>
    </rPh>
    <rPh sb="17" eb="19">
      <t>ハリキ</t>
    </rPh>
    <rPh sb="21" eb="23">
      <t>フジン</t>
    </rPh>
    <rPh sb="23" eb="25">
      <t>モンダイ</t>
    </rPh>
    <rPh sb="26" eb="28">
      <t>カイケツ</t>
    </rPh>
    <rPh sb="29" eb="31">
      <t>キョウリョク</t>
    </rPh>
    <rPh sb="31" eb="33">
      <t>タイセイ</t>
    </rPh>
    <phoneticPr fontId="2"/>
  </si>
  <si>
    <t>日高・御坊版　新農薬危害防止月間　５月１日～５月３１日</t>
    <rPh sb="0" eb="2">
      <t>ヒダカ</t>
    </rPh>
    <rPh sb="3" eb="5">
      <t>ゴボウ</t>
    </rPh>
    <rPh sb="5" eb="6">
      <t>バン</t>
    </rPh>
    <phoneticPr fontId="2"/>
  </si>
  <si>
    <t>西牟婁・田辺版　のびゆく移民　県独自の斡旋も計画</t>
    <rPh sb="0" eb="3">
      <t>ニシムロ</t>
    </rPh>
    <rPh sb="4" eb="6">
      <t>タナベ</t>
    </rPh>
    <rPh sb="6" eb="7">
      <t>バン</t>
    </rPh>
    <rPh sb="12" eb="14">
      <t>イミン</t>
    </rPh>
    <rPh sb="15" eb="16">
      <t>ケン</t>
    </rPh>
    <rPh sb="16" eb="18">
      <t>ドクジ</t>
    </rPh>
    <rPh sb="19" eb="21">
      <t>アッセン</t>
    </rPh>
    <rPh sb="22" eb="24">
      <t>ケイカク</t>
    </rPh>
    <phoneticPr fontId="2"/>
  </si>
  <si>
    <t>西牟婁・田辺版　早くも出荷開始　きゅうりなど有望な暖地園芸（写真　みずみずしく育ったキュウリ）</t>
    <rPh sb="0" eb="3">
      <t>ニシムロ</t>
    </rPh>
    <rPh sb="4" eb="6">
      <t>タナベ</t>
    </rPh>
    <rPh sb="6" eb="7">
      <t>バン</t>
    </rPh>
    <rPh sb="8" eb="9">
      <t>ハヤ</t>
    </rPh>
    <rPh sb="11" eb="13">
      <t>シュッカ</t>
    </rPh>
    <rPh sb="13" eb="15">
      <t>カイシ</t>
    </rPh>
    <rPh sb="22" eb="24">
      <t>ユウボウ</t>
    </rPh>
    <rPh sb="25" eb="27">
      <t>ダンチ</t>
    </rPh>
    <rPh sb="27" eb="29">
      <t>エンゲイ</t>
    </rPh>
    <rPh sb="30" eb="32">
      <t>シャシン</t>
    </rPh>
    <rPh sb="39" eb="40">
      <t>ソダ</t>
    </rPh>
    <phoneticPr fontId="2"/>
  </si>
  <si>
    <t>西牟婁・田辺版　将来性あるかきの養殖　企業化で水産振興へ</t>
    <rPh sb="0" eb="3">
      <t>ニシムロ</t>
    </rPh>
    <rPh sb="4" eb="6">
      <t>タナベ</t>
    </rPh>
    <rPh sb="6" eb="7">
      <t>バン</t>
    </rPh>
    <rPh sb="8" eb="11">
      <t>ショウライセイ</t>
    </rPh>
    <rPh sb="16" eb="18">
      <t>ヨウショク</t>
    </rPh>
    <rPh sb="19" eb="22">
      <t>キギョウカ</t>
    </rPh>
    <rPh sb="23" eb="25">
      <t>スイサン</t>
    </rPh>
    <rPh sb="25" eb="27">
      <t>シンコウ</t>
    </rPh>
    <phoneticPr fontId="2"/>
  </si>
  <si>
    <t>西牟婁・田辺版　モダンな新会津大橋竣工（写真）</t>
    <rPh sb="0" eb="3">
      <t>ニシムロ</t>
    </rPh>
    <rPh sb="4" eb="6">
      <t>タナベ</t>
    </rPh>
    <rPh sb="6" eb="7">
      <t>バン</t>
    </rPh>
    <rPh sb="12" eb="13">
      <t>シン</t>
    </rPh>
    <rPh sb="13" eb="15">
      <t>アイズ</t>
    </rPh>
    <rPh sb="15" eb="17">
      <t>オオハシ</t>
    </rPh>
    <rPh sb="17" eb="19">
      <t>シュンコウ</t>
    </rPh>
    <rPh sb="20" eb="22">
      <t>シャシン</t>
    </rPh>
    <phoneticPr fontId="2"/>
  </si>
  <si>
    <t>西牟婁・田辺版　うすいえんどうの出荷</t>
    <rPh sb="0" eb="3">
      <t>ニシムロ</t>
    </rPh>
    <rPh sb="4" eb="6">
      <t>タナベ</t>
    </rPh>
    <rPh sb="6" eb="7">
      <t>バン</t>
    </rPh>
    <rPh sb="16" eb="18">
      <t>シュッカ</t>
    </rPh>
    <phoneticPr fontId="2"/>
  </si>
  <si>
    <t>西牟婁・田辺版　二川などで崩壊地　復旧事業に着工</t>
    <rPh sb="0" eb="3">
      <t>ニシムロ</t>
    </rPh>
    <rPh sb="4" eb="6">
      <t>タナベ</t>
    </rPh>
    <rPh sb="6" eb="7">
      <t>バン</t>
    </rPh>
    <rPh sb="8" eb="10">
      <t>フタガワ</t>
    </rPh>
    <rPh sb="13" eb="15">
      <t>ホウカイ</t>
    </rPh>
    <rPh sb="15" eb="16">
      <t>チ</t>
    </rPh>
    <rPh sb="17" eb="19">
      <t>フッキュウ</t>
    </rPh>
    <rPh sb="19" eb="21">
      <t>ジギョウ</t>
    </rPh>
    <rPh sb="22" eb="24">
      <t>チャッコウ</t>
    </rPh>
    <phoneticPr fontId="2"/>
  </si>
  <si>
    <t>西牟婁・田辺版　造林成績戦後最高示す</t>
    <rPh sb="0" eb="3">
      <t>ニシムロ</t>
    </rPh>
    <rPh sb="4" eb="6">
      <t>タナベ</t>
    </rPh>
    <rPh sb="6" eb="7">
      <t>バン</t>
    </rPh>
    <rPh sb="8" eb="10">
      <t>ゾウリン</t>
    </rPh>
    <rPh sb="10" eb="12">
      <t>セイセキ</t>
    </rPh>
    <rPh sb="12" eb="14">
      <t>センゴ</t>
    </rPh>
    <rPh sb="14" eb="16">
      <t>サイコウ</t>
    </rPh>
    <rPh sb="16" eb="17">
      <t>シメ</t>
    </rPh>
    <phoneticPr fontId="2"/>
  </si>
  <si>
    <t>西牟婁・田辺版　防火樹帯完成　三舞、生馬村で</t>
    <rPh sb="0" eb="3">
      <t>ニシムロ</t>
    </rPh>
    <rPh sb="4" eb="6">
      <t>タナベ</t>
    </rPh>
    <rPh sb="6" eb="7">
      <t>バン</t>
    </rPh>
    <rPh sb="8" eb="10">
      <t>ボウカ</t>
    </rPh>
    <rPh sb="10" eb="11">
      <t>ジュ</t>
    </rPh>
    <rPh sb="11" eb="12">
      <t>タイ</t>
    </rPh>
    <rPh sb="12" eb="14">
      <t>カンセイ</t>
    </rPh>
    <rPh sb="15" eb="17">
      <t>サンマイ</t>
    </rPh>
    <rPh sb="18" eb="20">
      <t>イクマ</t>
    </rPh>
    <rPh sb="20" eb="21">
      <t>ムラ</t>
    </rPh>
    <phoneticPr fontId="2"/>
  </si>
  <si>
    <t>西牟婁・田辺版　力強く開拓すすむ　進展する多角農業経営</t>
    <rPh sb="0" eb="3">
      <t>ニシムロ</t>
    </rPh>
    <rPh sb="4" eb="6">
      <t>タナベ</t>
    </rPh>
    <rPh sb="6" eb="7">
      <t>バン</t>
    </rPh>
    <rPh sb="8" eb="10">
      <t>チカラヅヨ</t>
    </rPh>
    <rPh sb="11" eb="13">
      <t>カイタク</t>
    </rPh>
    <rPh sb="17" eb="19">
      <t>シンテン</t>
    </rPh>
    <rPh sb="21" eb="23">
      <t>タカク</t>
    </rPh>
    <rPh sb="23" eb="25">
      <t>ノウギョウ</t>
    </rPh>
    <rPh sb="25" eb="27">
      <t>ケイエイ</t>
    </rPh>
    <phoneticPr fontId="2"/>
  </si>
  <si>
    <t>西牟婁・田辺版　５月の衛生　なまものに御注意</t>
    <rPh sb="0" eb="3">
      <t>ニシムロ</t>
    </rPh>
    <rPh sb="4" eb="6">
      <t>タナベ</t>
    </rPh>
    <rPh sb="6" eb="7">
      <t>バン</t>
    </rPh>
    <rPh sb="9" eb="10">
      <t>ガツ</t>
    </rPh>
    <rPh sb="11" eb="13">
      <t>エイセイ</t>
    </rPh>
    <rPh sb="19" eb="22">
      <t>ゴチュウイ</t>
    </rPh>
    <phoneticPr fontId="2"/>
  </si>
  <si>
    <t>西牟婁・田辺版　新農薬危害防止月間　５月１日～５月３１日</t>
    <rPh sb="0" eb="3">
      <t>ニシムロ</t>
    </rPh>
    <rPh sb="4" eb="6">
      <t>タナベ</t>
    </rPh>
    <rPh sb="6" eb="7">
      <t>バン</t>
    </rPh>
    <phoneticPr fontId="2"/>
  </si>
  <si>
    <t>東牟婁・新宮版　下郷町　高潮の不安も解消　天満海岸に防潮林（写真　完成した防潮堤と植栽した松の木）</t>
    <rPh sb="0" eb="3">
      <t>ヒガシムロ</t>
    </rPh>
    <rPh sb="4" eb="6">
      <t>シングウ</t>
    </rPh>
    <rPh sb="6" eb="7">
      <t>バン</t>
    </rPh>
    <rPh sb="8" eb="11">
      <t>シモサトチョウ</t>
    </rPh>
    <rPh sb="12" eb="14">
      <t>タカシオ</t>
    </rPh>
    <rPh sb="15" eb="17">
      <t>フアン</t>
    </rPh>
    <rPh sb="18" eb="20">
      <t>カイショウ</t>
    </rPh>
    <rPh sb="21" eb="23">
      <t>テンマ</t>
    </rPh>
    <rPh sb="23" eb="25">
      <t>カイガン</t>
    </rPh>
    <rPh sb="26" eb="29">
      <t>ボウチョウリン</t>
    </rPh>
    <rPh sb="30" eb="32">
      <t>シャシン</t>
    </rPh>
    <rPh sb="33" eb="35">
      <t>カンセイ</t>
    </rPh>
    <rPh sb="37" eb="40">
      <t>ボウチョウテイ</t>
    </rPh>
    <rPh sb="41" eb="43">
      <t>ショクサイ</t>
    </rPh>
    <rPh sb="45" eb="46">
      <t>マツ</t>
    </rPh>
    <rPh sb="47" eb="48">
      <t>キ</t>
    </rPh>
    <phoneticPr fontId="2"/>
  </si>
  <si>
    <t>東牟婁・新宮版　三里村で花嫁学校発足　農協指導部が運営（写真　文化学園の開校式）</t>
    <rPh sb="0" eb="3">
      <t>ヒガシムロ</t>
    </rPh>
    <rPh sb="4" eb="6">
      <t>シングウ</t>
    </rPh>
    <rPh sb="6" eb="7">
      <t>バン</t>
    </rPh>
    <rPh sb="8" eb="10">
      <t>ミサト</t>
    </rPh>
    <rPh sb="10" eb="11">
      <t>ムラ</t>
    </rPh>
    <rPh sb="12" eb="14">
      <t>ハナヨメ</t>
    </rPh>
    <rPh sb="14" eb="16">
      <t>ガッコウ</t>
    </rPh>
    <rPh sb="16" eb="18">
      <t>ホッソク</t>
    </rPh>
    <rPh sb="19" eb="21">
      <t>ノウキョウ</t>
    </rPh>
    <rPh sb="21" eb="23">
      <t>シドウ</t>
    </rPh>
    <rPh sb="23" eb="24">
      <t>ブ</t>
    </rPh>
    <rPh sb="25" eb="27">
      <t>ウンエイ</t>
    </rPh>
    <rPh sb="28" eb="30">
      <t>シャシン</t>
    </rPh>
    <rPh sb="31" eb="33">
      <t>ブンカ</t>
    </rPh>
    <rPh sb="33" eb="35">
      <t>ガクエン</t>
    </rPh>
    <rPh sb="36" eb="39">
      <t>カイコウシキ</t>
    </rPh>
    <phoneticPr fontId="2"/>
  </si>
  <si>
    <t>東牟婁・新宮版　町村めぐり　太地町の巻</t>
    <rPh sb="0" eb="3">
      <t>ヒガシムロ</t>
    </rPh>
    <rPh sb="4" eb="6">
      <t>シングウ</t>
    </rPh>
    <rPh sb="6" eb="7">
      <t>バン</t>
    </rPh>
    <rPh sb="8" eb="10">
      <t>チョウソン</t>
    </rPh>
    <rPh sb="14" eb="17">
      <t>タイジチョウ</t>
    </rPh>
    <rPh sb="18" eb="19">
      <t>マキ</t>
    </rPh>
    <phoneticPr fontId="2"/>
  </si>
  <si>
    <t>東牟婁・新宮版　請川小学校　分散授業にさよなら　鉄筋の新校舎へ（写真　竣工直前の請川小学校校舎）</t>
    <rPh sb="0" eb="3">
      <t>ヒガシムロ</t>
    </rPh>
    <rPh sb="4" eb="6">
      <t>シングウ</t>
    </rPh>
    <rPh sb="6" eb="7">
      <t>バン</t>
    </rPh>
    <rPh sb="8" eb="10">
      <t>ウケガワ</t>
    </rPh>
    <rPh sb="10" eb="13">
      <t>ショウガッコウ</t>
    </rPh>
    <rPh sb="14" eb="16">
      <t>ブンサン</t>
    </rPh>
    <rPh sb="16" eb="18">
      <t>ジュギョウ</t>
    </rPh>
    <rPh sb="24" eb="26">
      <t>テッキン</t>
    </rPh>
    <rPh sb="27" eb="30">
      <t>シンコウシャ</t>
    </rPh>
    <rPh sb="32" eb="34">
      <t>シャシン</t>
    </rPh>
    <rPh sb="35" eb="37">
      <t>シュンコウ</t>
    </rPh>
    <rPh sb="37" eb="39">
      <t>チョクゼン</t>
    </rPh>
    <rPh sb="40" eb="42">
      <t>ウケガワ</t>
    </rPh>
    <rPh sb="42" eb="45">
      <t>ショウガッコウ</t>
    </rPh>
    <rPh sb="45" eb="47">
      <t>コウシャ</t>
    </rPh>
    <phoneticPr fontId="2"/>
  </si>
  <si>
    <t>東牟婁・新宮版　冷水塊、引続き存在　神戸海洋気象台　今夏の水温予想　西牟婁地方事務所発</t>
    <rPh sb="0" eb="3">
      <t>ヒガシムロ</t>
    </rPh>
    <rPh sb="4" eb="6">
      <t>シングウ</t>
    </rPh>
    <rPh sb="6" eb="7">
      <t>バン</t>
    </rPh>
    <rPh sb="8" eb="10">
      <t>ヒヤミズ</t>
    </rPh>
    <rPh sb="10" eb="11">
      <t>カタマリ</t>
    </rPh>
    <rPh sb="12" eb="13">
      <t>ヒ</t>
    </rPh>
    <rPh sb="13" eb="14">
      <t>ツヅ</t>
    </rPh>
    <rPh sb="15" eb="17">
      <t>ソンザイ</t>
    </rPh>
    <rPh sb="18" eb="20">
      <t>コウベ</t>
    </rPh>
    <rPh sb="20" eb="22">
      <t>カイヨウ</t>
    </rPh>
    <rPh sb="22" eb="25">
      <t>キショウダイ</t>
    </rPh>
    <rPh sb="26" eb="28">
      <t>コンカ</t>
    </rPh>
    <rPh sb="29" eb="31">
      <t>スイオン</t>
    </rPh>
    <rPh sb="31" eb="33">
      <t>ヨソウ</t>
    </rPh>
    <rPh sb="34" eb="37">
      <t>ニシムロ</t>
    </rPh>
    <rPh sb="37" eb="39">
      <t>チホウ</t>
    </rPh>
    <rPh sb="39" eb="42">
      <t>ジムショ</t>
    </rPh>
    <rPh sb="42" eb="43">
      <t>ハツ</t>
    </rPh>
    <phoneticPr fontId="2"/>
  </si>
  <si>
    <t>東牟婁・新宮版　全員当選決定　県議会議員</t>
    <rPh sb="0" eb="3">
      <t>ヒガシムロ</t>
    </rPh>
    <rPh sb="4" eb="6">
      <t>シングウ</t>
    </rPh>
    <rPh sb="6" eb="7">
      <t>バン</t>
    </rPh>
    <rPh sb="8" eb="10">
      <t>ゼンイン</t>
    </rPh>
    <rPh sb="10" eb="12">
      <t>トウセン</t>
    </rPh>
    <rPh sb="12" eb="14">
      <t>ケッテイ</t>
    </rPh>
    <rPh sb="15" eb="18">
      <t>ケンギカイ</t>
    </rPh>
    <rPh sb="18" eb="20">
      <t>ギイン</t>
    </rPh>
    <phoneticPr fontId="2"/>
  </si>
  <si>
    <t>東牟婁・新宮版　和歌山－松阪線　復旧工事完成（写真）</t>
    <rPh sb="0" eb="3">
      <t>ヒガシムロ</t>
    </rPh>
    <rPh sb="4" eb="6">
      <t>シングウ</t>
    </rPh>
    <rPh sb="6" eb="7">
      <t>バン</t>
    </rPh>
    <rPh sb="8" eb="11">
      <t>ワカヤマ</t>
    </rPh>
    <rPh sb="12" eb="14">
      <t>マツサカ</t>
    </rPh>
    <rPh sb="14" eb="15">
      <t>セン</t>
    </rPh>
    <rPh sb="16" eb="18">
      <t>フッキュウ</t>
    </rPh>
    <rPh sb="18" eb="20">
      <t>コウジ</t>
    </rPh>
    <rPh sb="20" eb="22">
      <t>カンセイ</t>
    </rPh>
    <rPh sb="23" eb="25">
      <t>シャシン</t>
    </rPh>
    <phoneticPr fontId="2"/>
  </si>
  <si>
    <t>東牟婁・新宮版　『こどもの日』を前に　保育園幼稚園を訪ねて　さくら保育園　下里町立保育園（写真）　幼稚園</t>
    <rPh sb="0" eb="3">
      <t>ヒガシムロ</t>
    </rPh>
    <rPh sb="4" eb="6">
      <t>シングウ</t>
    </rPh>
    <rPh sb="6" eb="7">
      <t>バン</t>
    </rPh>
    <rPh sb="13" eb="14">
      <t>ヒ</t>
    </rPh>
    <rPh sb="16" eb="17">
      <t>マエ</t>
    </rPh>
    <rPh sb="19" eb="22">
      <t>ホイクエン</t>
    </rPh>
    <rPh sb="22" eb="25">
      <t>ヨウチエン</t>
    </rPh>
    <rPh sb="26" eb="27">
      <t>タズ</t>
    </rPh>
    <rPh sb="33" eb="36">
      <t>ホイクエン</t>
    </rPh>
    <rPh sb="37" eb="39">
      <t>シモサト</t>
    </rPh>
    <rPh sb="39" eb="41">
      <t>チョウリツ</t>
    </rPh>
    <rPh sb="41" eb="44">
      <t>ホイクエン</t>
    </rPh>
    <rPh sb="45" eb="47">
      <t>シャシン</t>
    </rPh>
    <rPh sb="49" eb="52">
      <t>ヨウチエン</t>
    </rPh>
    <phoneticPr fontId="2"/>
  </si>
  <si>
    <t>東牟婁・新宮版　新農薬危害防止月間　５月１日～５月３１日</t>
    <rPh sb="0" eb="3">
      <t>ヒガシムロ</t>
    </rPh>
    <rPh sb="4" eb="6">
      <t>シングウ</t>
    </rPh>
    <rPh sb="6" eb="7">
      <t>バン</t>
    </rPh>
    <phoneticPr fontId="2"/>
  </si>
  <si>
    <r>
      <t>初の臨時県議会開く　議長に平越、副議長に前田</t>
    </r>
    <r>
      <rPr>
        <sz val="8"/>
        <color theme="1"/>
        <rFont val="ＭＳ Ｐゴシック"/>
        <family val="3"/>
        <charset val="128"/>
      </rPr>
      <t>信</t>
    </r>
    <r>
      <rPr>
        <sz val="11"/>
        <color theme="1"/>
        <rFont val="ＭＳ Ｐゴシック"/>
        <family val="3"/>
        <charset val="128"/>
      </rPr>
      <t>氏当選（写真　議長選挙の堂々めぐり）</t>
    </r>
    <rPh sb="0" eb="1">
      <t>ハツ</t>
    </rPh>
    <rPh sb="2" eb="4">
      <t>リンジ</t>
    </rPh>
    <rPh sb="4" eb="7">
      <t>ケンギカイ</t>
    </rPh>
    <rPh sb="7" eb="8">
      <t>ヒラ</t>
    </rPh>
    <rPh sb="10" eb="12">
      <t>ギチョウ</t>
    </rPh>
    <rPh sb="13" eb="15">
      <t>ヒラコシ</t>
    </rPh>
    <rPh sb="16" eb="19">
      <t>フクギチョウ</t>
    </rPh>
    <rPh sb="20" eb="22">
      <t>マエダ</t>
    </rPh>
    <rPh sb="22" eb="23">
      <t>シン</t>
    </rPh>
    <rPh sb="23" eb="24">
      <t>シ</t>
    </rPh>
    <rPh sb="24" eb="26">
      <t>トウセン</t>
    </rPh>
    <rPh sb="27" eb="29">
      <t>シャシン</t>
    </rPh>
    <rPh sb="30" eb="32">
      <t>ギチョウ</t>
    </rPh>
    <rPh sb="32" eb="34">
      <t>センキョ</t>
    </rPh>
    <rPh sb="35" eb="37">
      <t>ドウドウ</t>
    </rPh>
    <phoneticPr fontId="2"/>
  </si>
  <si>
    <t>初の臨時県議会開く　知事説明要旨</t>
    <rPh sb="0" eb="1">
      <t>ハツ</t>
    </rPh>
    <rPh sb="2" eb="7">
      <t>リンジケンギカイ</t>
    </rPh>
    <rPh sb="7" eb="8">
      <t>ヒラ</t>
    </rPh>
    <rPh sb="10" eb="12">
      <t>チジ</t>
    </rPh>
    <rPh sb="12" eb="14">
      <t>セツメイ</t>
    </rPh>
    <rPh sb="14" eb="16">
      <t>ヨウシ</t>
    </rPh>
    <phoneticPr fontId="2"/>
  </si>
  <si>
    <t>初の臨時県議会開く　県政伸展に全力　平越議長談話</t>
    <rPh sb="0" eb="1">
      <t>ハツ</t>
    </rPh>
    <rPh sb="2" eb="4">
      <t>リンジ</t>
    </rPh>
    <rPh sb="4" eb="7">
      <t>ケンギカイ</t>
    </rPh>
    <rPh sb="7" eb="8">
      <t>ヒラ</t>
    </rPh>
    <rPh sb="10" eb="12">
      <t>ケンセイ</t>
    </rPh>
    <rPh sb="12" eb="14">
      <t>シンテン</t>
    </rPh>
    <rPh sb="15" eb="17">
      <t>ゼンリョク</t>
    </rPh>
    <rPh sb="18" eb="20">
      <t>ヒラコシ</t>
    </rPh>
    <rPh sb="20" eb="22">
      <t>ギチョウ</t>
    </rPh>
    <rPh sb="22" eb="24">
      <t>ダンワ</t>
    </rPh>
    <phoneticPr fontId="2"/>
  </si>
  <si>
    <t>県、行政面を強化　建材・土木両部に次長制</t>
    <rPh sb="0" eb="1">
      <t>ケン</t>
    </rPh>
    <rPh sb="2" eb="5">
      <t>ギョウセイメン</t>
    </rPh>
    <rPh sb="6" eb="8">
      <t>キョウカ</t>
    </rPh>
    <rPh sb="9" eb="11">
      <t>ケンザイ</t>
    </rPh>
    <rPh sb="12" eb="14">
      <t>ドボク</t>
    </rPh>
    <rPh sb="14" eb="16">
      <t>リョウブ</t>
    </rPh>
    <rPh sb="17" eb="19">
      <t>ジチョウ</t>
    </rPh>
    <rPh sb="19" eb="20">
      <t>セイ</t>
    </rPh>
    <phoneticPr fontId="2"/>
  </si>
  <si>
    <t>県民税優良町村を表彰</t>
    <rPh sb="0" eb="3">
      <t>ケンミンゼイ</t>
    </rPh>
    <rPh sb="3" eb="5">
      <t>ユウリョウ</t>
    </rPh>
    <rPh sb="5" eb="7">
      <t>チョウソン</t>
    </rPh>
    <rPh sb="8" eb="10">
      <t>ヒョウショウ</t>
    </rPh>
    <phoneticPr fontId="2"/>
  </si>
  <si>
    <t>岩出橋竣工　溢れる祝賀の人波（写真）</t>
    <rPh sb="0" eb="3">
      <t>イワデバシ</t>
    </rPh>
    <rPh sb="3" eb="5">
      <t>シュンコウ</t>
    </rPh>
    <rPh sb="6" eb="7">
      <t>アフ</t>
    </rPh>
    <rPh sb="9" eb="11">
      <t>シュクガ</t>
    </rPh>
    <rPh sb="12" eb="14">
      <t>ヒトナミ</t>
    </rPh>
    <rPh sb="15" eb="17">
      <t>シャシン</t>
    </rPh>
    <phoneticPr fontId="2"/>
  </si>
  <si>
    <t>庁内見学</t>
    <rPh sb="0" eb="2">
      <t>チョウナイ</t>
    </rPh>
    <rPh sb="2" eb="4">
      <t>ケンガク</t>
    </rPh>
    <phoneticPr fontId="2"/>
  </si>
  <si>
    <t>６月７日　計量記念日</t>
    <rPh sb="1" eb="2">
      <t>ガツ</t>
    </rPh>
    <rPh sb="3" eb="4">
      <t>ヒ</t>
    </rPh>
    <rPh sb="5" eb="7">
      <t>ケイリョウ</t>
    </rPh>
    <rPh sb="7" eb="10">
      <t>キネンビ</t>
    </rPh>
    <phoneticPr fontId="2"/>
  </si>
  <si>
    <t>６月１０日　時の記念日</t>
    <rPh sb="1" eb="2">
      <t>ガツ</t>
    </rPh>
    <rPh sb="4" eb="5">
      <t>ヒ</t>
    </rPh>
    <rPh sb="6" eb="7">
      <t>トキ</t>
    </rPh>
    <rPh sb="8" eb="11">
      <t>キネンビ</t>
    </rPh>
    <phoneticPr fontId="2"/>
  </si>
  <si>
    <t>水防　町村に救助分隊　災害に万全の態勢</t>
    <rPh sb="0" eb="2">
      <t>スイボウ</t>
    </rPh>
    <rPh sb="3" eb="5">
      <t>チョウソン</t>
    </rPh>
    <rPh sb="6" eb="8">
      <t>キュウジョ</t>
    </rPh>
    <rPh sb="8" eb="10">
      <t>ブンタイ</t>
    </rPh>
    <rPh sb="11" eb="13">
      <t>サイガイ</t>
    </rPh>
    <rPh sb="14" eb="16">
      <t>バンゼン</t>
    </rPh>
    <rPh sb="17" eb="19">
      <t>タイセイ</t>
    </rPh>
    <phoneticPr fontId="2"/>
  </si>
  <si>
    <t>水防　強力な水防組織を確立　直ちに一万三千余名動員可能（写真　水防協議会）</t>
    <rPh sb="0" eb="2">
      <t>スイボウ</t>
    </rPh>
    <rPh sb="3" eb="5">
      <t>キョウリョク</t>
    </rPh>
    <rPh sb="6" eb="8">
      <t>スイボウ</t>
    </rPh>
    <rPh sb="8" eb="10">
      <t>ソシキ</t>
    </rPh>
    <rPh sb="11" eb="13">
      <t>カクリツ</t>
    </rPh>
    <rPh sb="14" eb="15">
      <t>タダ</t>
    </rPh>
    <rPh sb="17" eb="18">
      <t>1</t>
    </rPh>
    <rPh sb="18" eb="19">
      <t>マン</t>
    </rPh>
    <rPh sb="19" eb="21">
      <t>3000</t>
    </rPh>
    <rPh sb="21" eb="23">
      <t>ヨメイ</t>
    </rPh>
    <rPh sb="23" eb="25">
      <t>ドウイン</t>
    </rPh>
    <rPh sb="25" eb="27">
      <t>カノウ</t>
    </rPh>
    <rPh sb="28" eb="30">
      <t>シャシン</t>
    </rPh>
    <rPh sb="31" eb="33">
      <t>スイボウ</t>
    </rPh>
    <rPh sb="33" eb="36">
      <t>キョウギカイ</t>
    </rPh>
    <phoneticPr fontId="2"/>
  </si>
  <si>
    <t>水防　御坊で総合水防演習</t>
    <rPh sb="0" eb="2">
      <t>スイボウ</t>
    </rPh>
    <rPh sb="3" eb="5">
      <t>ゴボウ</t>
    </rPh>
    <rPh sb="6" eb="8">
      <t>ソウゴウ</t>
    </rPh>
    <rPh sb="8" eb="10">
      <t>スイボウ</t>
    </rPh>
    <rPh sb="10" eb="12">
      <t>エンシュウ</t>
    </rPh>
    <phoneticPr fontId="2"/>
  </si>
  <si>
    <t>水防　備蓄米　四千三百俵</t>
    <rPh sb="0" eb="2">
      <t>スイボウ</t>
    </rPh>
    <rPh sb="3" eb="6">
      <t>ビチクマイ</t>
    </rPh>
    <rPh sb="7" eb="11">
      <t>4300</t>
    </rPh>
    <rPh sb="11" eb="12">
      <t>ピョウ</t>
    </rPh>
    <phoneticPr fontId="2"/>
  </si>
  <si>
    <t>水防　紀の川洪水予報連絡会うまる</t>
    <rPh sb="0" eb="2">
      <t>スイボウ</t>
    </rPh>
    <rPh sb="3" eb="4">
      <t>キ</t>
    </rPh>
    <rPh sb="5" eb="6">
      <t>カワ</t>
    </rPh>
    <rPh sb="6" eb="8">
      <t>コウズイ</t>
    </rPh>
    <rPh sb="8" eb="10">
      <t>ヨホウ</t>
    </rPh>
    <rPh sb="10" eb="12">
      <t>レンラク</t>
    </rPh>
    <rPh sb="12" eb="13">
      <t>ア</t>
    </rPh>
    <phoneticPr fontId="2"/>
  </si>
  <si>
    <t>新生活体験記入選きまる</t>
    <rPh sb="0" eb="3">
      <t>シンセイカツ</t>
    </rPh>
    <rPh sb="3" eb="5">
      <t>タイケン</t>
    </rPh>
    <rPh sb="6" eb="8">
      <t>ニュウセン</t>
    </rPh>
    <phoneticPr fontId="2"/>
  </si>
  <si>
    <t>二級建築士資格試験</t>
    <rPh sb="0" eb="1">
      <t>2</t>
    </rPh>
    <rPh sb="1" eb="2">
      <t>キュウ</t>
    </rPh>
    <rPh sb="2" eb="5">
      <t>ケンチクシ</t>
    </rPh>
    <rPh sb="5" eb="7">
      <t>シカク</t>
    </rPh>
    <rPh sb="7" eb="9">
      <t>シケン</t>
    </rPh>
    <phoneticPr fontId="2"/>
  </si>
  <si>
    <t>そろって良い歯の母子を　県でコンクール</t>
    <rPh sb="4" eb="5">
      <t>ヨ</t>
    </rPh>
    <rPh sb="6" eb="7">
      <t>ハ</t>
    </rPh>
    <rPh sb="8" eb="10">
      <t>ボシ</t>
    </rPh>
    <rPh sb="12" eb="13">
      <t>ケン</t>
    </rPh>
    <phoneticPr fontId="2"/>
  </si>
  <si>
    <t>救らいの日</t>
    <rPh sb="0" eb="1">
      <t>スク</t>
    </rPh>
    <rPh sb="4" eb="5">
      <t>ヒ</t>
    </rPh>
    <phoneticPr fontId="2"/>
  </si>
  <si>
    <t>第３回和歌山県観光写真コンテスト　締切１１月３０日</t>
    <rPh sb="0" eb="1">
      <t>ダイ</t>
    </rPh>
    <rPh sb="2" eb="3">
      <t>カイ</t>
    </rPh>
    <rPh sb="3" eb="7">
      <t>ワカヤマケン</t>
    </rPh>
    <rPh sb="7" eb="9">
      <t>カンコウ</t>
    </rPh>
    <rPh sb="9" eb="11">
      <t>シャシン</t>
    </rPh>
    <rPh sb="17" eb="19">
      <t>シメキ</t>
    </rPh>
    <rPh sb="21" eb="22">
      <t>ガツ</t>
    </rPh>
    <rPh sb="24" eb="25">
      <t>ニチ</t>
    </rPh>
    <phoneticPr fontId="2"/>
  </si>
  <si>
    <t>戦後初のアメリカ移民出発　外務省の要請で　大橋公室長も同行</t>
    <rPh sb="0" eb="2">
      <t>センゴ</t>
    </rPh>
    <rPh sb="2" eb="3">
      <t>ハツ</t>
    </rPh>
    <rPh sb="8" eb="10">
      <t>イミン</t>
    </rPh>
    <rPh sb="10" eb="12">
      <t>シュッパツ</t>
    </rPh>
    <rPh sb="13" eb="16">
      <t>ガイムショウ</t>
    </rPh>
    <rPh sb="17" eb="19">
      <t>ヨウセイ</t>
    </rPh>
    <rPh sb="21" eb="23">
      <t>オオハシ</t>
    </rPh>
    <rPh sb="23" eb="26">
      <t>コウシツチョウ</t>
    </rPh>
    <rPh sb="27" eb="29">
      <t>ドウコウ</t>
    </rPh>
    <phoneticPr fontId="2"/>
  </si>
  <si>
    <t>移民　ブラジルからも朗報</t>
    <rPh sb="0" eb="2">
      <t>イミン</t>
    </rPh>
    <rPh sb="10" eb="12">
      <t>ロウホウ</t>
    </rPh>
    <phoneticPr fontId="2"/>
  </si>
  <si>
    <t>難民救済法とは</t>
    <rPh sb="0" eb="2">
      <t>ナンミン</t>
    </rPh>
    <rPh sb="2" eb="5">
      <t>キュウサイホウ</t>
    </rPh>
    <phoneticPr fontId="2"/>
  </si>
  <si>
    <t>ダイバー船団南の海へ　故国を後に戦後三回目の出漁（写真　串本港に勢揃いしたダイバー船団と見送人）</t>
    <rPh sb="4" eb="6">
      <t>センダン</t>
    </rPh>
    <rPh sb="6" eb="7">
      <t>ミナミ</t>
    </rPh>
    <rPh sb="8" eb="9">
      <t>ウミ</t>
    </rPh>
    <rPh sb="11" eb="13">
      <t>ココク</t>
    </rPh>
    <rPh sb="14" eb="15">
      <t>アト</t>
    </rPh>
    <rPh sb="16" eb="18">
      <t>センゴ</t>
    </rPh>
    <rPh sb="18" eb="19">
      <t>3</t>
    </rPh>
    <rPh sb="19" eb="21">
      <t>カイメ</t>
    </rPh>
    <rPh sb="22" eb="24">
      <t>シュツリョウ</t>
    </rPh>
    <rPh sb="25" eb="27">
      <t>シャシン</t>
    </rPh>
    <rPh sb="28" eb="30">
      <t>クシモト</t>
    </rPh>
    <rPh sb="30" eb="31">
      <t>コウ</t>
    </rPh>
    <rPh sb="32" eb="34">
      <t>セイゾロ</t>
    </rPh>
    <rPh sb="41" eb="43">
      <t>センダン</t>
    </rPh>
    <rPh sb="44" eb="46">
      <t>ミオク</t>
    </rPh>
    <rPh sb="46" eb="47">
      <t>ニン</t>
    </rPh>
    <phoneticPr fontId="2"/>
  </si>
  <si>
    <t>強調月間設置　新生活運動第二段階へ</t>
    <rPh sb="0" eb="2">
      <t>キョウチョウ</t>
    </rPh>
    <rPh sb="2" eb="4">
      <t>ゲッカン</t>
    </rPh>
    <rPh sb="4" eb="6">
      <t>セッチ</t>
    </rPh>
    <rPh sb="7" eb="10">
      <t>シンセイカツ</t>
    </rPh>
    <rPh sb="10" eb="12">
      <t>ウンドウ</t>
    </rPh>
    <rPh sb="12" eb="13">
      <t>ダイ</t>
    </rPh>
    <rPh sb="13" eb="14">
      <t>2</t>
    </rPh>
    <rPh sb="14" eb="16">
      <t>ダンカイ</t>
    </rPh>
    <phoneticPr fontId="2"/>
  </si>
  <si>
    <t>県企画の新生活運動映画（写真　撮影順調に進む）</t>
    <rPh sb="0" eb="1">
      <t>ケン</t>
    </rPh>
    <rPh sb="1" eb="3">
      <t>キカク</t>
    </rPh>
    <rPh sb="4" eb="7">
      <t>シンセイカツ</t>
    </rPh>
    <rPh sb="7" eb="9">
      <t>ウンドウ</t>
    </rPh>
    <rPh sb="9" eb="11">
      <t>エイガ</t>
    </rPh>
    <rPh sb="12" eb="14">
      <t>シャシン</t>
    </rPh>
    <rPh sb="15" eb="17">
      <t>サツエイ</t>
    </rPh>
    <rPh sb="17" eb="19">
      <t>ジュンチョウ</t>
    </rPh>
    <rPh sb="20" eb="21">
      <t>スス</t>
    </rPh>
    <phoneticPr fontId="2"/>
  </si>
  <si>
    <t>産業開発青年隊員募集</t>
    <rPh sb="0" eb="2">
      <t>サンギョウ</t>
    </rPh>
    <rPh sb="2" eb="4">
      <t>カイハツ</t>
    </rPh>
    <rPh sb="4" eb="6">
      <t>セイネン</t>
    </rPh>
    <rPh sb="6" eb="8">
      <t>タイイン</t>
    </rPh>
    <rPh sb="8" eb="10">
      <t>ボシュウ</t>
    </rPh>
    <phoneticPr fontId="2"/>
  </si>
  <si>
    <t>応募者二二五名　募集中の陸海空自衛隊委員</t>
    <rPh sb="0" eb="3">
      <t>オウボシャ</t>
    </rPh>
    <rPh sb="3" eb="6">
      <t>225</t>
    </rPh>
    <rPh sb="6" eb="7">
      <t>メイ</t>
    </rPh>
    <rPh sb="8" eb="11">
      <t>ボシュウチュウ</t>
    </rPh>
    <rPh sb="12" eb="15">
      <t>リクカイクウ</t>
    </rPh>
    <rPh sb="15" eb="18">
      <t>ジエイタイ</t>
    </rPh>
    <rPh sb="18" eb="20">
      <t>イイン</t>
    </rPh>
    <phoneticPr fontId="2"/>
  </si>
  <si>
    <t>６月４日↔１０日　口腔衛生強調運動</t>
    <rPh sb="1" eb="2">
      <t>ガツ</t>
    </rPh>
    <rPh sb="3" eb="4">
      <t>ヒ</t>
    </rPh>
    <rPh sb="7" eb="8">
      <t>ヒ</t>
    </rPh>
    <rPh sb="9" eb="11">
      <t>コウクウ</t>
    </rPh>
    <rPh sb="11" eb="13">
      <t>エイセイ</t>
    </rPh>
    <rPh sb="13" eb="15">
      <t>キョウチョウ</t>
    </rPh>
    <rPh sb="15" eb="17">
      <t>ウンドウ</t>
    </rPh>
    <phoneticPr fontId="2"/>
  </si>
  <si>
    <t>市内版　こどもの日　よい子のお手本　野尻良子さん表彰　芦原</t>
    <rPh sb="0" eb="2">
      <t>シナイ</t>
    </rPh>
    <rPh sb="2" eb="3">
      <t>バン</t>
    </rPh>
    <rPh sb="8" eb="9">
      <t>ヒ</t>
    </rPh>
    <rPh sb="12" eb="13">
      <t>コ</t>
    </rPh>
    <rPh sb="15" eb="17">
      <t>テホン</t>
    </rPh>
    <rPh sb="18" eb="20">
      <t>ノジリ</t>
    </rPh>
    <rPh sb="20" eb="22">
      <t>リョウコ</t>
    </rPh>
    <rPh sb="24" eb="26">
      <t>ヒョウショウ</t>
    </rPh>
    <rPh sb="27" eb="29">
      <t>アシハラ</t>
    </rPh>
    <phoneticPr fontId="2"/>
  </si>
  <si>
    <t>市内版　優良こどもクラブ　活躍する岡崎仲よし会</t>
    <rPh sb="0" eb="2">
      <t>シナイ</t>
    </rPh>
    <rPh sb="2" eb="3">
      <t>バン</t>
    </rPh>
    <rPh sb="4" eb="6">
      <t>ユウリョウ</t>
    </rPh>
    <rPh sb="13" eb="15">
      <t>カツヤク</t>
    </rPh>
    <rPh sb="17" eb="19">
      <t>オカザキ</t>
    </rPh>
    <rPh sb="19" eb="20">
      <t>ナカ</t>
    </rPh>
    <rPh sb="22" eb="23">
      <t>カイ</t>
    </rPh>
    <phoneticPr fontId="2"/>
  </si>
  <si>
    <t>市内版　御意見拝聴　広報協会主催の街頭録音（写真　街頭風景）</t>
    <rPh sb="0" eb="2">
      <t>シナイ</t>
    </rPh>
    <rPh sb="2" eb="3">
      <t>バン</t>
    </rPh>
    <rPh sb="4" eb="7">
      <t>ゴイケン</t>
    </rPh>
    <rPh sb="7" eb="9">
      <t>ハイチョウ</t>
    </rPh>
    <rPh sb="10" eb="12">
      <t>コウホウ</t>
    </rPh>
    <rPh sb="12" eb="14">
      <t>キョウカイ</t>
    </rPh>
    <rPh sb="14" eb="16">
      <t>シュサイ</t>
    </rPh>
    <rPh sb="17" eb="19">
      <t>ガイトウ</t>
    </rPh>
    <rPh sb="19" eb="21">
      <t>ロクオン</t>
    </rPh>
    <rPh sb="22" eb="24">
      <t>シャシン</t>
    </rPh>
    <rPh sb="25" eb="27">
      <t>ガイトウ</t>
    </rPh>
    <rPh sb="27" eb="29">
      <t>フウケイ</t>
    </rPh>
    <phoneticPr fontId="2"/>
  </si>
  <si>
    <t>市内版　県下最初のＰＳＣ橋　海草橋十日頃渡り初め（写真　完成近い海草橋）</t>
    <rPh sb="0" eb="2">
      <t>シナイ</t>
    </rPh>
    <rPh sb="2" eb="3">
      <t>バン</t>
    </rPh>
    <rPh sb="4" eb="6">
      <t>ケンカ</t>
    </rPh>
    <rPh sb="6" eb="8">
      <t>サイショ</t>
    </rPh>
    <rPh sb="12" eb="13">
      <t>ハシ</t>
    </rPh>
    <rPh sb="14" eb="16">
      <t>カイソウ</t>
    </rPh>
    <rPh sb="16" eb="17">
      <t>バシ</t>
    </rPh>
    <rPh sb="17" eb="18">
      <t>10</t>
    </rPh>
    <rPh sb="18" eb="19">
      <t>ヒ</t>
    </rPh>
    <rPh sb="19" eb="20">
      <t>コロ</t>
    </rPh>
    <rPh sb="20" eb="21">
      <t>ワタ</t>
    </rPh>
    <rPh sb="22" eb="23">
      <t>ゾ</t>
    </rPh>
    <rPh sb="25" eb="27">
      <t>シャシン</t>
    </rPh>
    <rPh sb="28" eb="30">
      <t>カンセイ</t>
    </rPh>
    <rPh sb="30" eb="31">
      <t>チカ</t>
    </rPh>
    <rPh sb="32" eb="34">
      <t>カイソウ</t>
    </rPh>
    <rPh sb="34" eb="35">
      <t>バシ</t>
    </rPh>
    <phoneticPr fontId="2"/>
  </si>
  <si>
    <t>市内版　六月七日は計量記念日</t>
    <rPh sb="0" eb="2">
      <t>シナイ</t>
    </rPh>
    <rPh sb="2" eb="3">
      <t>バン</t>
    </rPh>
    <rPh sb="4" eb="5">
      <t>6</t>
    </rPh>
    <rPh sb="5" eb="6">
      <t>ガツ</t>
    </rPh>
    <rPh sb="6" eb="7">
      <t>7</t>
    </rPh>
    <rPh sb="7" eb="8">
      <t>ヒ</t>
    </rPh>
    <rPh sb="9" eb="11">
      <t>ケイリョウ</t>
    </rPh>
    <rPh sb="11" eb="14">
      <t>キネンビ</t>
    </rPh>
    <phoneticPr fontId="2"/>
  </si>
  <si>
    <t>市内版　青少年から悪書追放へ　"三ない運動を"</t>
    <rPh sb="0" eb="2">
      <t>シナイ</t>
    </rPh>
    <rPh sb="2" eb="3">
      <t>バン</t>
    </rPh>
    <rPh sb="4" eb="7">
      <t>セイショウネン</t>
    </rPh>
    <rPh sb="9" eb="11">
      <t>アクショ</t>
    </rPh>
    <rPh sb="11" eb="13">
      <t>ツイホウ</t>
    </rPh>
    <rPh sb="16" eb="17">
      <t>3</t>
    </rPh>
    <rPh sb="19" eb="21">
      <t>ウンドウ</t>
    </rPh>
    <phoneticPr fontId="2"/>
  </si>
  <si>
    <t>市内版　本町に信号灯　街の近代化にも一役（写真　本町二丁目の信号機）</t>
    <rPh sb="0" eb="2">
      <t>シナイ</t>
    </rPh>
    <rPh sb="2" eb="3">
      <t>バン</t>
    </rPh>
    <rPh sb="4" eb="6">
      <t>ホンマチ</t>
    </rPh>
    <rPh sb="7" eb="10">
      <t>シンゴウトウ</t>
    </rPh>
    <rPh sb="11" eb="12">
      <t>マチ</t>
    </rPh>
    <rPh sb="13" eb="16">
      <t>キンダイカ</t>
    </rPh>
    <rPh sb="18" eb="20">
      <t>ヒトヤク</t>
    </rPh>
    <rPh sb="21" eb="23">
      <t>シャシン</t>
    </rPh>
    <rPh sb="24" eb="26">
      <t>ホンマチ</t>
    </rPh>
    <rPh sb="26" eb="27">
      <t>2</t>
    </rPh>
    <rPh sb="27" eb="29">
      <t>チョウメ</t>
    </rPh>
    <rPh sb="30" eb="33">
      <t>シンゴウキ</t>
    </rPh>
    <phoneticPr fontId="2"/>
  </si>
  <si>
    <t>市内版　月刊わか山　六月号</t>
    <rPh sb="0" eb="2">
      <t>シナイ</t>
    </rPh>
    <rPh sb="2" eb="3">
      <t>バン</t>
    </rPh>
    <rPh sb="4" eb="6">
      <t>ゲッカン</t>
    </rPh>
    <rPh sb="8" eb="9">
      <t>ヤマ</t>
    </rPh>
    <rPh sb="10" eb="11">
      <t>6</t>
    </rPh>
    <rPh sb="11" eb="13">
      <t>ガツゴウ</t>
    </rPh>
    <phoneticPr fontId="2"/>
  </si>
  <si>
    <t>海草・海南版　野上町小川　公民館に結婚式場</t>
    <rPh sb="0" eb="2">
      <t>カイソウ</t>
    </rPh>
    <rPh sb="3" eb="5">
      <t>カイナン</t>
    </rPh>
    <rPh sb="5" eb="6">
      <t>バン</t>
    </rPh>
    <rPh sb="7" eb="10">
      <t>ノカミチョウ</t>
    </rPh>
    <rPh sb="10" eb="12">
      <t>オガワ</t>
    </rPh>
    <rPh sb="13" eb="16">
      <t>コウミンカン</t>
    </rPh>
    <rPh sb="17" eb="19">
      <t>ケッコン</t>
    </rPh>
    <rPh sb="19" eb="21">
      <t>シキジョウ</t>
    </rPh>
    <phoneticPr fontId="2"/>
  </si>
  <si>
    <t>海草・海南版　二一八万本を植林</t>
    <rPh sb="0" eb="2">
      <t>カイソウ</t>
    </rPh>
    <rPh sb="3" eb="5">
      <t>カイナン</t>
    </rPh>
    <rPh sb="5" eb="6">
      <t>バン</t>
    </rPh>
    <rPh sb="7" eb="10">
      <t>218</t>
    </rPh>
    <rPh sb="10" eb="12">
      <t>マンボン</t>
    </rPh>
    <rPh sb="13" eb="15">
      <t>ショクリン</t>
    </rPh>
    <phoneticPr fontId="2"/>
  </si>
  <si>
    <t>海草・海南版　美里町発足</t>
    <rPh sb="0" eb="2">
      <t>カイソウ</t>
    </rPh>
    <rPh sb="3" eb="5">
      <t>カイナン</t>
    </rPh>
    <rPh sb="5" eb="6">
      <t>バン</t>
    </rPh>
    <rPh sb="7" eb="10">
      <t>ミサトチョウ</t>
    </rPh>
    <rPh sb="10" eb="12">
      <t>ホッソク</t>
    </rPh>
    <phoneticPr fontId="2"/>
  </si>
  <si>
    <t>海草・海南版　小野知事　不幸な子らを慰問（写真　小野知事からお土産をもらって喜ぶこばと学園の園児たち）</t>
    <rPh sb="0" eb="2">
      <t>カイソウ</t>
    </rPh>
    <rPh sb="3" eb="5">
      <t>カイナン</t>
    </rPh>
    <rPh sb="5" eb="6">
      <t>バン</t>
    </rPh>
    <rPh sb="7" eb="9">
      <t>オノ</t>
    </rPh>
    <rPh sb="9" eb="11">
      <t>チジ</t>
    </rPh>
    <rPh sb="12" eb="14">
      <t>フコウ</t>
    </rPh>
    <rPh sb="15" eb="16">
      <t>コ</t>
    </rPh>
    <rPh sb="18" eb="20">
      <t>イモン</t>
    </rPh>
    <rPh sb="21" eb="23">
      <t>シャシン</t>
    </rPh>
    <rPh sb="24" eb="26">
      <t>オノ</t>
    </rPh>
    <rPh sb="26" eb="28">
      <t>チジ</t>
    </rPh>
    <rPh sb="31" eb="33">
      <t>ミヤゲ</t>
    </rPh>
    <rPh sb="38" eb="39">
      <t>ヨロコ</t>
    </rPh>
    <rPh sb="43" eb="45">
      <t>ガクエン</t>
    </rPh>
    <rPh sb="46" eb="48">
      <t>エンジ</t>
    </rPh>
    <phoneticPr fontId="2"/>
  </si>
  <si>
    <t>海草・海南版　海南市など表彰　県民税徴収　優良市町村</t>
    <rPh sb="0" eb="2">
      <t>カイソウ</t>
    </rPh>
    <rPh sb="3" eb="5">
      <t>カイナン</t>
    </rPh>
    <rPh sb="5" eb="6">
      <t>バン</t>
    </rPh>
    <rPh sb="7" eb="10">
      <t>カイナンシ</t>
    </rPh>
    <rPh sb="12" eb="14">
      <t>ヒョウショウ</t>
    </rPh>
    <rPh sb="15" eb="18">
      <t>ケンミンゼイ</t>
    </rPh>
    <rPh sb="18" eb="20">
      <t>チョウシュウ</t>
    </rPh>
    <rPh sb="21" eb="23">
      <t>ユウリョウ</t>
    </rPh>
    <rPh sb="23" eb="26">
      <t>シチョウソン</t>
    </rPh>
    <phoneticPr fontId="2"/>
  </si>
  <si>
    <t>海草・海南版　予備苗代で被害を最小限度に</t>
    <rPh sb="0" eb="2">
      <t>カイソウ</t>
    </rPh>
    <rPh sb="3" eb="5">
      <t>カイナン</t>
    </rPh>
    <rPh sb="5" eb="6">
      <t>バン</t>
    </rPh>
    <rPh sb="7" eb="9">
      <t>ヨビ</t>
    </rPh>
    <rPh sb="9" eb="11">
      <t>ナエシロ</t>
    </rPh>
    <rPh sb="12" eb="14">
      <t>ヒガイ</t>
    </rPh>
    <rPh sb="15" eb="17">
      <t>サイショウ</t>
    </rPh>
    <rPh sb="17" eb="19">
      <t>ゲンド</t>
    </rPh>
    <phoneticPr fontId="2"/>
  </si>
  <si>
    <t>海草・海南版　鉄筋校舎続々（写真　完成した初島中学校の鉄筋コンクリートの校舎）</t>
    <rPh sb="0" eb="2">
      <t>カイソウ</t>
    </rPh>
    <rPh sb="3" eb="5">
      <t>カイナン</t>
    </rPh>
    <rPh sb="5" eb="6">
      <t>バン</t>
    </rPh>
    <rPh sb="7" eb="9">
      <t>テッキン</t>
    </rPh>
    <rPh sb="9" eb="11">
      <t>コウシャ</t>
    </rPh>
    <rPh sb="11" eb="13">
      <t>ゾクゾク</t>
    </rPh>
    <rPh sb="14" eb="16">
      <t>シャシン</t>
    </rPh>
    <rPh sb="17" eb="19">
      <t>カンセイ</t>
    </rPh>
    <rPh sb="21" eb="23">
      <t>ハツシマ</t>
    </rPh>
    <rPh sb="23" eb="26">
      <t>チュウガッコウ</t>
    </rPh>
    <rPh sb="27" eb="29">
      <t>テッキン</t>
    </rPh>
    <rPh sb="36" eb="38">
      <t>コウシャ</t>
    </rPh>
    <phoneticPr fontId="2"/>
  </si>
  <si>
    <t>海草・海南版　大阪で好評　西脇町の早生玉葱</t>
    <rPh sb="0" eb="2">
      <t>カイソウ</t>
    </rPh>
    <rPh sb="3" eb="5">
      <t>カイナン</t>
    </rPh>
    <rPh sb="5" eb="6">
      <t>バン</t>
    </rPh>
    <rPh sb="7" eb="9">
      <t>オオサカ</t>
    </rPh>
    <rPh sb="10" eb="12">
      <t>コウヒョウ</t>
    </rPh>
    <rPh sb="13" eb="16">
      <t>ニシワキチョウ</t>
    </rPh>
    <rPh sb="17" eb="19">
      <t>ワセ</t>
    </rPh>
    <rPh sb="19" eb="21">
      <t>タマネギ</t>
    </rPh>
    <phoneticPr fontId="2"/>
  </si>
  <si>
    <t>海草・海南版　減らぬ結核患者数　海南保健所が巡回検診実施</t>
    <rPh sb="0" eb="2">
      <t>カイソウ</t>
    </rPh>
    <rPh sb="3" eb="5">
      <t>カイナン</t>
    </rPh>
    <rPh sb="5" eb="6">
      <t>バン</t>
    </rPh>
    <rPh sb="7" eb="8">
      <t>ヘ</t>
    </rPh>
    <rPh sb="10" eb="12">
      <t>ケッカク</t>
    </rPh>
    <rPh sb="12" eb="15">
      <t>カンジャスウ</t>
    </rPh>
    <rPh sb="16" eb="18">
      <t>カイナン</t>
    </rPh>
    <rPh sb="18" eb="21">
      <t>ホケンジョ</t>
    </rPh>
    <rPh sb="22" eb="24">
      <t>ジュンカイ</t>
    </rPh>
    <rPh sb="24" eb="26">
      <t>ケンシン</t>
    </rPh>
    <rPh sb="26" eb="28">
      <t>ジッシ</t>
    </rPh>
    <phoneticPr fontId="2"/>
  </si>
  <si>
    <t>海草・海南版　食品関係の業者を検診</t>
    <rPh sb="0" eb="2">
      <t>カイソウ</t>
    </rPh>
    <rPh sb="3" eb="5">
      <t>カイナン</t>
    </rPh>
    <rPh sb="5" eb="6">
      <t>バン</t>
    </rPh>
    <rPh sb="7" eb="11">
      <t>ショクヒンカンケイ</t>
    </rPh>
    <rPh sb="12" eb="14">
      <t>ギョウシャ</t>
    </rPh>
    <rPh sb="15" eb="17">
      <t>ケンシン</t>
    </rPh>
    <phoneticPr fontId="2"/>
  </si>
  <si>
    <t>海草・海南版　細野村役場新築</t>
    <rPh sb="0" eb="2">
      <t>カイソウ</t>
    </rPh>
    <rPh sb="3" eb="5">
      <t>カイナン</t>
    </rPh>
    <rPh sb="5" eb="6">
      <t>バン</t>
    </rPh>
    <rPh sb="7" eb="9">
      <t>ホソノ</t>
    </rPh>
    <rPh sb="9" eb="12">
      <t>ムラヤクバ</t>
    </rPh>
    <rPh sb="12" eb="14">
      <t>シンチク</t>
    </rPh>
    <phoneticPr fontId="2"/>
  </si>
  <si>
    <t>海草・海南版　六月七日は計量記念日　日常生活に計量観念を</t>
    <rPh sb="0" eb="2">
      <t>カイソウ</t>
    </rPh>
    <rPh sb="3" eb="5">
      <t>カイナン</t>
    </rPh>
    <rPh sb="5" eb="6">
      <t>バン</t>
    </rPh>
    <rPh sb="7" eb="8">
      <t>6</t>
    </rPh>
    <rPh sb="8" eb="9">
      <t>ガツ</t>
    </rPh>
    <rPh sb="9" eb="10">
      <t>7</t>
    </rPh>
    <rPh sb="10" eb="11">
      <t>ヒ</t>
    </rPh>
    <rPh sb="12" eb="14">
      <t>ケイリョウ</t>
    </rPh>
    <rPh sb="14" eb="17">
      <t>キネンビ</t>
    </rPh>
    <rPh sb="18" eb="20">
      <t>ニチジョウ</t>
    </rPh>
    <rPh sb="20" eb="22">
      <t>セイカツ</t>
    </rPh>
    <rPh sb="23" eb="25">
      <t>ケイリョウ</t>
    </rPh>
    <rPh sb="25" eb="27">
      <t>カンネン</t>
    </rPh>
    <phoneticPr fontId="2"/>
  </si>
  <si>
    <t>海草・海南版　月刊わか山　六月号</t>
    <rPh sb="0" eb="2">
      <t>カイソウ</t>
    </rPh>
    <rPh sb="3" eb="5">
      <t>カイナン</t>
    </rPh>
    <rPh sb="5" eb="6">
      <t>バン</t>
    </rPh>
    <phoneticPr fontId="2"/>
  </si>
  <si>
    <t>那賀版　幕とじた地方選挙　町村長１８８議員きまる</t>
    <rPh sb="0" eb="2">
      <t>ナガ</t>
    </rPh>
    <rPh sb="2" eb="3">
      <t>バン</t>
    </rPh>
    <rPh sb="4" eb="5">
      <t>マク</t>
    </rPh>
    <rPh sb="8" eb="10">
      <t>チホウ</t>
    </rPh>
    <rPh sb="10" eb="12">
      <t>センキョ</t>
    </rPh>
    <rPh sb="13" eb="16">
      <t>チョウソンチョウ</t>
    </rPh>
    <rPh sb="19" eb="21">
      <t>ギイン</t>
    </rPh>
    <phoneticPr fontId="2"/>
  </si>
  <si>
    <t>那賀版　岩出町など表彰　県民税徴収　優良市町村</t>
    <rPh sb="0" eb="2">
      <t>ナガ</t>
    </rPh>
    <rPh sb="2" eb="3">
      <t>バン</t>
    </rPh>
    <rPh sb="4" eb="7">
      <t>イワデチョウ</t>
    </rPh>
    <rPh sb="9" eb="11">
      <t>ヒョウショウ</t>
    </rPh>
    <rPh sb="12" eb="14">
      <t>ケンミン</t>
    </rPh>
    <rPh sb="14" eb="15">
      <t>ゼイ</t>
    </rPh>
    <rPh sb="15" eb="17">
      <t>チョウシュウ</t>
    </rPh>
    <rPh sb="18" eb="20">
      <t>ユウリョウ</t>
    </rPh>
    <rPh sb="20" eb="23">
      <t>シチョウソン</t>
    </rPh>
    <phoneticPr fontId="2"/>
  </si>
  <si>
    <t>那賀版　新県政に何を望むか？　御意見拝聴　広報協会主催の街頭録音（写真　街頭風景）</t>
    <rPh sb="0" eb="2">
      <t>ナガ</t>
    </rPh>
    <rPh sb="2" eb="3">
      <t>バン</t>
    </rPh>
    <rPh sb="4" eb="5">
      <t>シン</t>
    </rPh>
    <rPh sb="5" eb="7">
      <t>ケンセイ</t>
    </rPh>
    <rPh sb="8" eb="9">
      <t>ナニ</t>
    </rPh>
    <rPh sb="10" eb="11">
      <t>ノゾ</t>
    </rPh>
    <rPh sb="15" eb="18">
      <t>ゴイケン</t>
    </rPh>
    <rPh sb="18" eb="20">
      <t>ハイチョウ</t>
    </rPh>
    <rPh sb="21" eb="23">
      <t>コウホウ</t>
    </rPh>
    <rPh sb="36" eb="38">
      <t>ガイトウ</t>
    </rPh>
    <rPh sb="38" eb="40">
      <t>フウケイ</t>
    </rPh>
    <phoneticPr fontId="2"/>
  </si>
  <si>
    <t>那賀版　修養と健全娯楽で素直なよい子に（写真　こどもの日に行われた麻生津村光の泉子供会の母と子の楽しい集い）</t>
    <rPh sb="0" eb="2">
      <t>ナガ</t>
    </rPh>
    <rPh sb="2" eb="3">
      <t>バン</t>
    </rPh>
    <rPh sb="4" eb="6">
      <t>シュウヨウ</t>
    </rPh>
    <rPh sb="7" eb="9">
      <t>ケンゼン</t>
    </rPh>
    <rPh sb="9" eb="11">
      <t>ゴラク</t>
    </rPh>
    <rPh sb="12" eb="14">
      <t>スナオ</t>
    </rPh>
    <rPh sb="17" eb="18">
      <t>コ</t>
    </rPh>
    <rPh sb="20" eb="22">
      <t>シャシン</t>
    </rPh>
    <rPh sb="27" eb="28">
      <t>ヒ</t>
    </rPh>
    <rPh sb="29" eb="30">
      <t>オコナ</t>
    </rPh>
    <rPh sb="33" eb="35">
      <t>アソウ</t>
    </rPh>
    <rPh sb="35" eb="36">
      <t>ヅ</t>
    </rPh>
    <rPh sb="36" eb="37">
      <t>ムラ</t>
    </rPh>
    <rPh sb="37" eb="38">
      <t>ヒカリ</t>
    </rPh>
    <rPh sb="39" eb="40">
      <t>イズミ</t>
    </rPh>
    <rPh sb="40" eb="43">
      <t>コドモカイ</t>
    </rPh>
    <rPh sb="44" eb="45">
      <t>ハハ</t>
    </rPh>
    <rPh sb="46" eb="47">
      <t>コ</t>
    </rPh>
    <rPh sb="48" eb="49">
      <t>タノ</t>
    </rPh>
    <rPh sb="51" eb="52">
      <t>ツド</t>
    </rPh>
    <phoneticPr fontId="2"/>
  </si>
  <si>
    <t>那賀版　感心な向井隆子さん　小倉こどもクラブも表彰</t>
    <rPh sb="0" eb="2">
      <t>ナガ</t>
    </rPh>
    <rPh sb="2" eb="3">
      <t>バン</t>
    </rPh>
    <rPh sb="4" eb="6">
      <t>カンシン</t>
    </rPh>
    <rPh sb="7" eb="9">
      <t>ムカイ</t>
    </rPh>
    <rPh sb="9" eb="11">
      <t>タカコ</t>
    </rPh>
    <rPh sb="14" eb="16">
      <t>オグラ</t>
    </rPh>
    <rPh sb="23" eb="25">
      <t>ヒョウショウ</t>
    </rPh>
    <phoneticPr fontId="2"/>
  </si>
  <si>
    <t>那賀版　母の日　県下の優良母表彰　晴れの華岡、大森両婦人</t>
    <rPh sb="0" eb="2">
      <t>ナガ</t>
    </rPh>
    <rPh sb="2" eb="3">
      <t>バン</t>
    </rPh>
    <rPh sb="4" eb="5">
      <t>ハハ</t>
    </rPh>
    <rPh sb="6" eb="7">
      <t>ヒ</t>
    </rPh>
    <rPh sb="8" eb="10">
      <t>ケンカ</t>
    </rPh>
    <rPh sb="11" eb="13">
      <t>ユウリョウ</t>
    </rPh>
    <rPh sb="13" eb="14">
      <t>ハハ</t>
    </rPh>
    <rPh sb="14" eb="16">
      <t>ヒョウショウ</t>
    </rPh>
    <rPh sb="17" eb="18">
      <t>ハ</t>
    </rPh>
    <rPh sb="20" eb="22">
      <t>ハナオカ</t>
    </rPh>
    <rPh sb="23" eb="25">
      <t>オオモリ</t>
    </rPh>
    <rPh sb="25" eb="26">
      <t>リョウ</t>
    </rPh>
    <rPh sb="26" eb="28">
      <t>フジン</t>
    </rPh>
    <phoneticPr fontId="2"/>
  </si>
  <si>
    <t>那賀版　地方事務所でも　郡内の優良児、優良母、子供クラブ表彰</t>
    <rPh sb="0" eb="2">
      <t>ナガ</t>
    </rPh>
    <rPh sb="2" eb="3">
      <t>バン</t>
    </rPh>
    <rPh sb="4" eb="6">
      <t>チホウ</t>
    </rPh>
    <rPh sb="6" eb="9">
      <t>ジムショ</t>
    </rPh>
    <rPh sb="12" eb="14">
      <t>グンナイ</t>
    </rPh>
    <rPh sb="15" eb="17">
      <t>ユウリョウ</t>
    </rPh>
    <rPh sb="17" eb="18">
      <t>ジ</t>
    </rPh>
    <rPh sb="19" eb="21">
      <t>ユウリョウ</t>
    </rPh>
    <rPh sb="21" eb="22">
      <t>ハハ</t>
    </rPh>
    <rPh sb="23" eb="25">
      <t>コドモ</t>
    </rPh>
    <rPh sb="28" eb="30">
      <t>ヒョウショウ</t>
    </rPh>
    <phoneticPr fontId="2"/>
  </si>
  <si>
    <t>那賀版　郡民の声　選挙後の在り方</t>
    <rPh sb="0" eb="2">
      <t>ナガ</t>
    </rPh>
    <rPh sb="2" eb="3">
      <t>バン</t>
    </rPh>
    <rPh sb="4" eb="6">
      <t>グンミン</t>
    </rPh>
    <rPh sb="7" eb="8">
      <t>コエ</t>
    </rPh>
    <rPh sb="9" eb="12">
      <t>センキョゴ</t>
    </rPh>
    <rPh sb="13" eb="14">
      <t>ア</t>
    </rPh>
    <rPh sb="15" eb="16">
      <t>カタ</t>
    </rPh>
    <phoneticPr fontId="2"/>
  </si>
  <si>
    <t>那賀版　青少年から悪書追放へ"三ない運動を"</t>
    <rPh sb="0" eb="2">
      <t>ナガ</t>
    </rPh>
    <rPh sb="2" eb="3">
      <t>バン</t>
    </rPh>
    <rPh sb="4" eb="7">
      <t>セイショウエン</t>
    </rPh>
    <rPh sb="9" eb="11">
      <t>アクショ</t>
    </rPh>
    <rPh sb="11" eb="13">
      <t>ツイホウ</t>
    </rPh>
    <rPh sb="15" eb="16">
      <t>サン</t>
    </rPh>
    <rPh sb="18" eb="20">
      <t>ウンドウ</t>
    </rPh>
    <phoneticPr fontId="2"/>
  </si>
  <si>
    <t>那賀版　産業展描　農村の蛋白給源　岩出町の養鯉復活</t>
    <rPh sb="0" eb="2">
      <t>ナガ</t>
    </rPh>
    <rPh sb="2" eb="3">
      <t>バン</t>
    </rPh>
    <rPh sb="4" eb="6">
      <t>サンギョウ</t>
    </rPh>
    <rPh sb="6" eb="7">
      <t>テン</t>
    </rPh>
    <rPh sb="7" eb="8">
      <t>ビョウ</t>
    </rPh>
    <rPh sb="9" eb="11">
      <t>ノウソン</t>
    </rPh>
    <rPh sb="12" eb="14">
      <t>タンパク</t>
    </rPh>
    <rPh sb="14" eb="16">
      <t>キュウゲン</t>
    </rPh>
    <rPh sb="17" eb="20">
      <t>イワデチョウ</t>
    </rPh>
    <rPh sb="21" eb="23">
      <t>ヨウリ</t>
    </rPh>
    <rPh sb="23" eb="25">
      <t>フッカツ</t>
    </rPh>
    <phoneticPr fontId="2"/>
  </si>
  <si>
    <t>那賀版　月刊わか山　六月号</t>
    <rPh sb="0" eb="2">
      <t>ナガ</t>
    </rPh>
    <rPh sb="2" eb="3">
      <t>バン</t>
    </rPh>
    <rPh sb="4" eb="6">
      <t>ゲッカン</t>
    </rPh>
    <rPh sb="8" eb="9">
      <t>ヤマ</t>
    </rPh>
    <rPh sb="10" eb="11">
      <t>6</t>
    </rPh>
    <rPh sb="11" eb="13">
      <t>ガツゴウ</t>
    </rPh>
    <phoneticPr fontId="2"/>
  </si>
  <si>
    <t>伊都・橋本版　「改善結構について」世論調査中間結果　新生活運動へ理解と協力を表明</t>
    <rPh sb="0" eb="2">
      <t>イト</t>
    </rPh>
    <rPh sb="3" eb="5">
      <t>ハシモト</t>
    </rPh>
    <rPh sb="5" eb="6">
      <t>バン</t>
    </rPh>
    <rPh sb="8" eb="10">
      <t>カイゼン</t>
    </rPh>
    <rPh sb="10" eb="12">
      <t>ケッコウ</t>
    </rPh>
    <rPh sb="17" eb="19">
      <t>ヨロン</t>
    </rPh>
    <rPh sb="19" eb="21">
      <t>チョウサ</t>
    </rPh>
    <rPh sb="21" eb="23">
      <t>チュウカン</t>
    </rPh>
    <rPh sb="23" eb="25">
      <t>ケッカ</t>
    </rPh>
    <rPh sb="26" eb="29">
      <t>シンセイカツ</t>
    </rPh>
    <rPh sb="29" eb="31">
      <t>ウンドウ</t>
    </rPh>
    <rPh sb="32" eb="34">
      <t>リカイ</t>
    </rPh>
    <rPh sb="35" eb="37">
      <t>キョウリョク</t>
    </rPh>
    <rPh sb="38" eb="40">
      <t>ヒョウメイ</t>
    </rPh>
    <phoneticPr fontId="2"/>
  </si>
  <si>
    <t>伊都・橋本版　表彰された三谷こども銀行</t>
    <rPh sb="0" eb="2">
      <t>イト</t>
    </rPh>
    <rPh sb="3" eb="5">
      <t>ハシモト</t>
    </rPh>
    <rPh sb="5" eb="6">
      <t>バン</t>
    </rPh>
    <rPh sb="7" eb="9">
      <t>ヒョウショウ</t>
    </rPh>
    <rPh sb="12" eb="14">
      <t>ミタニ</t>
    </rPh>
    <rPh sb="17" eb="19">
      <t>ギンコウ</t>
    </rPh>
    <phoneticPr fontId="2"/>
  </si>
  <si>
    <t>伊都・橋本版　新町村めぐり　土木事業に重点　発掘期す九度山町　石井義一町長</t>
    <rPh sb="0" eb="2">
      <t>イト</t>
    </rPh>
    <rPh sb="3" eb="5">
      <t>ハシモト</t>
    </rPh>
    <rPh sb="5" eb="6">
      <t>バン</t>
    </rPh>
    <rPh sb="7" eb="8">
      <t>シン</t>
    </rPh>
    <rPh sb="8" eb="10">
      <t>チョウソン</t>
    </rPh>
    <rPh sb="14" eb="16">
      <t>ドボク</t>
    </rPh>
    <rPh sb="16" eb="18">
      <t>ジギョウ</t>
    </rPh>
    <rPh sb="19" eb="21">
      <t>ジュウテン</t>
    </rPh>
    <rPh sb="22" eb="24">
      <t>ハックツ</t>
    </rPh>
    <rPh sb="24" eb="25">
      <t>キ</t>
    </rPh>
    <rPh sb="26" eb="30">
      <t>クドヤマチョウ</t>
    </rPh>
    <rPh sb="31" eb="33">
      <t>イシイ</t>
    </rPh>
    <rPh sb="33" eb="35">
      <t>ヨシカズ</t>
    </rPh>
    <rPh sb="35" eb="37">
      <t>チョウチョウ</t>
    </rPh>
    <phoneticPr fontId="2"/>
  </si>
  <si>
    <t>伊都・橋本版　よい子のお手本　樋口鉄二君表彰さる</t>
    <rPh sb="0" eb="2">
      <t>イト</t>
    </rPh>
    <rPh sb="3" eb="5">
      <t>ハシモト</t>
    </rPh>
    <rPh sb="5" eb="6">
      <t>バン</t>
    </rPh>
    <rPh sb="9" eb="10">
      <t>コ</t>
    </rPh>
    <rPh sb="12" eb="14">
      <t>テホン</t>
    </rPh>
    <rPh sb="15" eb="17">
      <t>ヒグチ</t>
    </rPh>
    <rPh sb="17" eb="19">
      <t>テツジ</t>
    </rPh>
    <rPh sb="19" eb="20">
      <t>クン</t>
    </rPh>
    <rPh sb="20" eb="22">
      <t>ヒョウショウ</t>
    </rPh>
    <phoneticPr fontId="2"/>
  </si>
  <si>
    <t>伊都・橋本版　青少年から悪書追放へ"三ない運動を"</t>
    <rPh sb="0" eb="2">
      <t>イト</t>
    </rPh>
    <rPh sb="3" eb="5">
      <t>ハシモト</t>
    </rPh>
    <rPh sb="5" eb="6">
      <t>バン</t>
    </rPh>
    <phoneticPr fontId="2"/>
  </si>
  <si>
    <t>伊都・橋本版　月刊わか山　六月号</t>
    <rPh sb="0" eb="2">
      <t>イト</t>
    </rPh>
    <rPh sb="3" eb="5">
      <t>ハシモト</t>
    </rPh>
    <rPh sb="5" eb="6">
      <t>バン</t>
    </rPh>
    <phoneticPr fontId="2"/>
  </si>
  <si>
    <t>有田版　宮原小など校舎落成　（写真　宮原小学校校舎　文成中学校図書館）</t>
    <rPh sb="0" eb="2">
      <t>アリダ</t>
    </rPh>
    <rPh sb="2" eb="3">
      <t>バン</t>
    </rPh>
    <rPh sb="4" eb="6">
      <t>ミヤハラ</t>
    </rPh>
    <rPh sb="6" eb="7">
      <t>ショウ</t>
    </rPh>
    <rPh sb="9" eb="11">
      <t>コウシャ</t>
    </rPh>
    <rPh sb="11" eb="13">
      <t>ラクセイ</t>
    </rPh>
    <rPh sb="15" eb="17">
      <t>シャシン</t>
    </rPh>
    <rPh sb="18" eb="20">
      <t>ミヤハラ</t>
    </rPh>
    <rPh sb="20" eb="25">
      <t>ショウガッコウコウシャ</t>
    </rPh>
    <rPh sb="26" eb="28">
      <t>ブンセイ</t>
    </rPh>
    <rPh sb="28" eb="31">
      <t>チュウガッコウ</t>
    </rPh>
    <rPh sb="31" eb="34">
      <t>トショカン</t>
    </rPh>
    <phoneticPr fontId="2"/>
  </si>
  <si>
    <t>有田版　憲法記念日に表彰　五村消防団など四団体、九氏</t>
    <rPh sb="0" eb="2">
      <t>アリダ</t>
    </rPh>
    <rPh sb="2" eb="3">
      <t>バン</t>
    </rPh>
    <rPh sb="4" eb="6">
      <t>ケンポウ</t>
    </rPh>
    <rPh sb="6" eb="9">
      <t>キネンビ</t>
    </rPh>
    <rPh sb="10" eb="12">
      <t>ヒョウショウ</t>
    </rPh>
    <rPh sb="13" eb="14">
      <t>5</t>
    </rPh>
    <rPh sb="14" eb="15">
      <t>ソン</t>
    </rPh>
    <rPh sb="15" eb="18">
      <t>ショウボウダン</t>
    </rPh>
    <rPh sb="20" eb="21">
      <t>4</t>
    </rPh>
    <rPh sb="21" eb="23">
      <t>ダンタイ</t>
    </rPh>
    <rPh sb="24" eb="25">
      <t>9</t>
    </rPh>
    <rPh sb="25" eb="26">
      <t>シ</t>
    </rPh>
    <phoneticPr fontId="2"/>
  </si>
  <si>
    <t>有田版　養蚕の簡易化へ　郡内三ヵ所で共同飼育</t>
    <rPh sb="0" eb="2">
      <t>アリダ</t>
    </rPh>
    <rPh sb="2" eb="3">
      <t>バン</t>
    </rPh>
    <rPh sb="4" eb="6">
      <t>ヨウサン</t>
    </rPh>
    <rPh sb="7" eb="10">
      <t>カンイカ</t>
    </rPh>
    <rPh sb="12" eb="14">
      <t>グンナイ</t>
    </rPh>
    <rPh sb="14" eb="15">
      <t>3</t>
    </rPh>
    <rPh sb="16" eb="17">
      <t>ショ</t>
    </rPh>
    <rPh sb="18" eb="20">
      <t>キョウドウ</t>
    </rPh>
    <rPh sb="20" eb="22">
      <t>シイク</t>
    </rPh>
    <phoneticPr fontId="2"/>
  </si>
  <si>
    <t>有田版　七七〇町歩に植林　３０年度は林種の転換へ</t>
    <rPh sb="0" eb="2">
      <t>アリダ</t>
    </rPh>
    <rPh sb="2" eb="3">
      <t>バン</t>
    </rPh>
    <rPh sb="4" eb="7">
      <t>770</t>
    </rPh>
    <rPh sb="7" eb="9">
      <t>チョウホ</t>
    </rPh>
    <rPh sb="10" eb="12">
      <t>ショクリン</t>
    </rPh>
    <rPh sb="15" eb="17">
      <t>ネンド</t>
    </rPh>
    <rPh sb="18" eb="19">
      <t>ハヤシ</t>
    </rPh>
    <rPh sb="19" eb="20">
      <t>タネ</t>
    </rPh>
    <rPh sb="21" eb="23">
      <t>テンカン</t>
    </rPh>
    <phoneticPr fontId="2"/>
  </si>
  <si>
    <t>有田版　重要文化財めぐり（２）　旧国宝『地蔵尊』（写真　旧国宝地蔵尊）</t>
    <rPh sb="0" eb="2">
      <t>アリダ</t>
    </rPh>
    <rPh sb="2" eb="3">
      <t>バン</t>
    </rPh>
    <rPh sb="4" eb="9">
      <t>ジュウヨウブンカザイ</t>
    </rPh>
    <rPh sb="16" eb="17">
      <t>キュウ</t>
    </rPh>
    <rPh sb="17" eb="19">
      <t>コクホウ</t>
    </rPh>
    <rPh sb="20" eb="23">
      <t>ジゾウソン</t>
    </rPh>
    <rPh sb="25" eb="27">
      <t>シャシン</t>
    </rPh>
    <rPh sb="28" eb="29">
      <t>キュウ</t>
    </rPh>
    <rPh sb="29" eb="31">
      <t>コクホウ</t>
    </rPh>
    <rPh sb="31" eb="34">
      <t>ジゾウソン</t>
    </rPh>
    <phoneticPr fontId="2"/>
  </si>
  <si>
    <t>有田版　野田くん入賞</t>
    <rPh sb="0" eb="2">
      <t>アリダ</t>
    </rPh>
    <rPh sb="2" eb="3">
      <t>バン</t>
    </rPh>
    <rPh sb="4" eb="6">
      <t>ノダ</t>
    </rPh>
    <rPh sb="8" eb="10">
      <t>ニュウショウ</t>
    </rPh>
    <phoneticPr fontId="2"/>
  </si>
  <si>
    <t>有田版　青少年から悪書追放へ"三ない運動を"</t>
    <rPh sb="0" eb="2">
      <t>アリダ</t>
    </rPh>
    <rPh sb="2" eb="3">
      <t>バン</t>
    </rPh>
    <phoneticPr fontId="2"/>
  </si>
  <si>
    <t>有田版　棄権防止に一役　山かご利用で好投票率（写真　山かごで投票をすました老人）</t>
    <rPh sb="0" eb="2">
      <t>アリダ</t>
    </rPh>
    <rPh sb="2" eb="3">
      <t>バン</t>
    </rPh>
    <rPh sb="4" eb="6">
      <t>キケン</t>
    </rPh>
    <rPh sb="6" eb="8">
      <t>ボウシ</t>
    </rPh>
    <rPh sb="9" eb="11">
      <t>ヒトヤク</t>
    </rPh>
    <rPh sb="12" eb="13">
      <t>ヤマ</t>
    </rPh>
    <rPh sb="15" eb="17">
      <t>リヨウ</t>
    </rPh>
    <rPh sb="18" eb="19">
      <t>コウ</t>
    </rPh>
    <rPh sb="19" eb="22">
      <t>トウヒョウリツ</t>
    </rPh>
    <rPh sb="23" eb="25">
      <t>シャシン</t>
    </rPh>
    <rPh sb="26" eb="27">
      <t>ヤマ</t>
    </rPh>
    <rPh sb="30" eb="32">
      <t>トウヒョウ</t>
    </rPh>
    <rPh sb="37" eb="39">
      <t>ロウジン</t>
    </rPh>
    <phoneticPr fontId="2"/>
  </si>
  <si>
    <t>有田版　湯浅町に県営住宅完成</t>
    <rPh sb="0" eb="2">
      <t>アリダ</t>
    </rPh>
    <rPh sb="2" eb="3">
      <t>バン</t>
    </rPh>
    <rPh sb="4" eb="7">
      <t>ユアサチョウ</t>
    </rPh>
    <rPh sb="8" eb="10">
      <t>ケンエイ</t>
    </rPh>
    <rPh sb="10" eb="12">
      <t>ジュウタク</t>
    </rPh>
    <rPh sb="12" eb="14">
      <t>カンセイ</t>
    </rPh>
    <phoneticPr fontId="2"/>
  </si>
  <si>
    <t>有田版　柑橘園六月の行事</t>
    <rPh sb="0" eb="2">
      <t>アリダ</t>
    </rPh>
    <rPh sb="2" eb="3">
      <t>バン</t>
    </rPh>
    <rPh sb="4" eb="6">
      <t>カンキツ</t>
    </rPh>
    <rPh sb="6" eb="7">
      <t>エン</t>
    </rPh>
    <rPh sb="7" eb="8">
      <t>6</t>
    </rPh>
    <rPh sb="8" eb="9">
      <t>ガツ</t>
    </rPh>
    <rPh sb="10" eb="12">
      <t>ギョウジ</t>
    </rPh>
    <phoneticPr fontId="2"/>
  </si>
  <si>
    <t>有田版　月刊わか山　六月号</t>
    <rPh sb="0" eb="2">
      <t>アリダ</t>
    </rPh>
    <rPh sb="2" eb="3">
      <t>バン</t>
    </rPh>
    <rPh sb="4" eb="6">
      <t>ゲッカン</t>
    </rPh>
    <rPh sb="8" eb="9">
      <t>ヤマ</t>
    </rPh>
    <rPh sb="10" eb="11">
      <t>6</t>
    </rPh>
    <rPh sb="11" eb="13">
      <t>ガツゴウ</t>
    </rPh>
    <phoneticPr fontId="2"/>
  </si>
  <si>
    <t>日高・御坊版　農繁期の食改善へ　塩屋友の会の活躍（写真　共同炊事する塩屋友の会員）</t>
    <rPh sb="0" eb="2">
      <t>ヒダカ</t>
    </rPh>
    <rPh sb="3" eb="5">
      <t>ゴボウ</t>
    </rPh>
    <rPh sb="5" eb="6">
      <t>バン</t>
    </rPh>
    <rPh sb="7" eb="10">
      <t>ノウハンキ</t>
    </rPh>
    <rPh sb="11" eb="12">
      <t>ショク</t>
    </rPh>
    <rPh sb="12" eb="14">
      <t>カイゼン</t>
    </rPh>
    <rPh sb="16" eb="18">
      <t>シオヤ</t>
    </rPh>
    <rPh sb="18" eb="19">
      <t>トモ</t>
    </rPh>
    <rPh sb="20" eb="21">
      <t>カイ</t>
    </rPh>
    <rPh sb="22" eb="24">
      <t>カツヤク</t>
    </rPh>
    <rPh sb="25" eb="27">
      <t>シャシン</t>
    </rPh>
    <rPh sb="28" eb="30">
      <t>キョウドウ</t>
    </rPh>
    <rPh sb="30" eb="32">
      <t>スイジ</t>
    </rPh>
    <rPh sb="34" eb="36">
      <t>シオヤ</t>
    </rPh>
    <rPh sb="36" eb="37">
      <t>トモ</t>
    </rPh>
    <rPh sb="38" eb="39">
      <t>カイ</t>
    </rPh>
    <rPh sb="39" eb="40">
      <t>イン</t>
    </rPh>
    <phoneticPr fontId="2"/>
  </si>
  <si>
    <t>日高・御坊版　市町村優良税務吏員を表彰</t>
    <rPh sb="0" eb="2">
      <t>ヒダカ</t>
    </rPh>
    <rPh sb="3" eb="5">
      <t>ゴボウ</t>
    </rPh>
    <rPh sb="5" eb="6">
      <t>バン</t>
    </rPh>
    <rPh sb="7" eb="10">
      <t>シチョウソン</t>
    </rPh>
    <rPh sb="10" eb="12">
      <t>ユウリョウ</t>
    </rPh>
    <rPh sb="12" eb="14">
      <t>ゼイム</t>
    </rPh>
    <rPh sb="14" eb="16">
      <t>リイン</t>
    </rPh>
    <rPh sb="17" eb="19">
      <t>ヒョウショウ</t>
    </rPh>
    <phoneticPr fontId="2"/>
  </si>
  <si>
    <t>日高・御坊版　巣箱などを設置　美浜海岸の松食虫絶滅へ</t>
    <rPh sb="0" eb="2">
      <t>ヒダカ</t>
    </rPh>
    <rPh sb="3" eb="5">
      <t>ゴボウ</t>
    </rPh>
    <rPh sb="5" eb="6">
      <t>バン</t>
    </rPh>
    <rPh sb="7" eb="9">
      <t>スバコ</t>
    </rPh>
    <rPh sb="12" eb="14">
      <t>セッチ</t>
    </rPh>
    <rPh sb="15" eb="17">
      <t>ミハマ</t>
    </rPh>
    <rPh sb="17" eb="19">
      <t>カイガン</t>
    </rPh>
    <rPh sb="20" eb="22">
      <t>マツク</t>
    </rPh>
    <rPh sb="22" eb="23">
      <t>ムシ</t>
    </rPh>
    <rPh sb="23" eb="25">
      <t>ゼツメツ</t>
    </rPh>
    <phoneticPr fontId="2"/>
  </si>
  <si>
    <t>日高・御坊版　新任に際して　日高地方事務所長　山本宏介</t>
    <rPh sb="0" eb="2">
      <t>ヒダカ</t>
    </rPh>
    <rPh sb="3" eb="5">
      <t>ゴボウ</t>
    </rPh>
    <rPh sb="5" eb="6">
      <t>バン</t>
    </rPh>
    <rPh sb="7" eb="9">
      <t>シンニン</t>
    </rPh>
    <rPh sb="10" eb="11">
      <t>サイ</t>
    </rPh>
    <rPh sb="14" eb="16">
      <t>ヒダカ</t>
    </rPh>
    <rPh sb="16" eb="18">
      <t>チホウ</t>
    </rPh>
    <rPh sb="18" eb="20">
      <t>ジム</t>
    </rPh>
    <rPh sb="20" eb="22">
      <t>ショチョウ</t>
    </rPh>
    <rPh sb="23" eb="25">
      <t>ヤマモト</t>
    </rPh>
    <rPh sb="25" eb="27">
      <t>コウスケ</t>
    </rPh>
    <phoneticPr fontId="2"/>
  </si>
  <si>
    <t>日高・御坊版　美浜町で合同未亡人大会（写真　好演する大橋知事公室長－美浜町松原小学校講堂）</t>
    <rPh sb="0" eb="2">
      <t>ヒダカ</t>
    </rPh>
    <rPh sb="3" eb="5">
      <t>ゴボウ</t>
    </rPh>
    <rPh sb="5" eb="6">
      <t>バン</t>
    </rPh>
    <rPh sb="7" eb="10">
      <t>ミハマチョウ</t>
    </rPh>
    <rPh sb="11" eb="13">
      <t>ゴウドウ</t>
    </rPh>
    <rPh sb="13" eb="16">
      <t>ミボウジン</t>
    </rPh>
    <rPh sb="16" eb="18">
      <t>タイカイ</t>
    </rPh>
    <rPh sb="19" eb="21">
      <t>シャシン</t>
    </rPh>
    <rPh sb="22" eb="24">
      <t>コウエン</t>
    </rPh>
    <rPh sb="26" eb="28">
      <t>オオハシ</t>
    </rPh>
    <rPh sb="28" eb="30">
      <t>チジ</t>
    </rPh>
    <rPh sb="30" eb="33">
      <t>コウシツチョウ</t>
    </rPh>
    <rPh sb="34" eb="37">
      <t>ミハマチョウ</t>
    </rPh>
    <rPh sb="37" eb="39">
      <t>マツバラ</t>
    </rPh>
    <rPh sb="39" eb="42">
      <t>ショウガッコウ</t>
    </rPh>
    <rPh sb="42" eb="44">
      <t>コウドウ</t>
    </rPh>
    <phoneticPr fontId="2"/>
  </si>
  <si>
    <t>日高・御坊版　川辺町の県特別助成林道なる</t>
    <rPh sb="0" eb="2">
      <t>ヒダカ</t>
    </rPh>
    <rPh sb="3" eb="5">
      <t>ゴボウ</t>
    </rPh>
    <rPh sb="5" eb="6">
      <t>バン</t>
    </rPh>
    <rPh sb="7" eb="10">
      <t>カワベチョウ</t>
    </rPh>
    <rPh sb="11" eb="12">
      <t>ケン</t>
    </rPh>
    <rPh sb="12" eb="14">
      <t>トクベツ</t>
    </rPh>
    <rPh sb="14" eb="16">
      <t>ジョセイ</t>
    </rPh>
    <rPh sb="16" eb="18">
      <t>リンドウ</t>
    </rPh>
    <phoneticPr fontId="2"/>
  </si>
  <si>
    <t>日高・御坊版　六月七日は計量記念日　日常生活に計量観念を</t>
    <rPh sb="0" eb="2">
      <t>ヒダカ</t>
    </rPh>
    <rPh sb="3" eb="5">
      <t>ゴボウ</t>
    </rPh>
    <rPh sb="5" eb="6">
      <t>バン</t>
    </rPh>
    <rPh sb="7" eb="8">
      <t>6</t>
    </rPh>
    <rPh sb="8" eb="9">
      <t>ガツ</t>
    </rPh>
    <rPh sb="9" eb="10">
      <t>7</t>
    </rPh>
    <rPh sb="10" eb="11">
      <t>ヒ</t>
    </rPh>
    <rPh sb="12" eb="14">
      <t>ケイリョウ</t>
    </rPh>
    <rPh sb="14" eb="17">
      <t>キネンビ</t>
    </rPh>
    <rPh sb="18" eb="20">
      <t>ニチジョウ</t>
    </rPh>
    <rPh sb="20" eb="22">
      <t>セイカツ</t>
    </rPh>
    <rPh sb="23" eb="25">
      <t>ケイリョウ</t>
    </rPh>
    <rPh sb="25" eb="27">
      <t>カンネン</t>
    </rPh>
    <phoneticPr fontId="2"/>
  </si>
  <si>
    <t>日高・御坊版　輝く白亜の学び舎　南部小学校舎落成（写真　完成した南部小学校舎）</t>
    <rPh sb="0" eb="2">
      <t>ヒダカ</t>
    </rPh>
    <rPh sb="3" eb="5">
      <t>ゴボウ</t>
    </rPh>
    <rPh sb="5" eb="6">
      <t>バン</t>
    </rPh>
    <rPh sb="7" eb="8">
      <t>カガヤ</t>
    </rPh>
    <rPh sb="9" eb="11">
      <t>ハクア</t>
    </rPh>
    <rPh sb="12" eb="13">
      <t>マナ</t>
    </rPh>
    <rPh sb="14" eb="15">
      <t>ヤ</t>
    </rPh>
    <rPh sb="16" eb="18">
      <t>ミナベ</t>
    </rPh>
    <rPh sb="18" eb="21">
      <t>ショウガッコウ</t>
    </rPh>
    <rPh sb="21" eb="22">
      <t>シャ</t>
    </rPh>
    <rPh sb="22" eb="24">
      <t>ラクセイ</t>
    </rPh>
    <rPh sb="25" eb="27">
      <t>シャシン</t>
    </rPh>
    <rPh sb="28" eb="30">
      <t>カンセイ</t>
    </rPh>
    <rPh sb="32" eb="34">
      <t>ミナベ</t>
    </rPh>
    <rPh sb="34" eb="37">
      <t>ショウガッコウ</t>
    </rPh>
    <rPh sb="37" eb="38">
      <t>シャ</t>
    </rPh>
    <phoneticPr fontId="2"/>
  </si>
  <si>
    <t>日高・御坊版　金比羅橋完成（写真　完成近い金比羅橋）</t>
    <rPh sb="0" eb="2">
      <t>ヒダカ</t>
    </rPh>
    <rPh sb="3" eb="5">
      <t>ゴボウ</t>
    </rPh>
    <rPh sb="5" eb="6">
      <t>バン</t>
    </rPh>
    <rPh sb="7" eb="11">
      <t>コンピラバシ</t>
    </rPh>
    <rPh sb="11" eb="13">
      <t>カンセイ</t>
    </rPh>
    <rPh sb="14" eb="16">
      <t>シャシン</t>
    </rPh>
    <rPh sb="17" eb="19">
      <t>カンセイ</t>
    </rPh>
    <rPh sb="19" eb="20">
      <t>チカ</t>
    </rPh>
    <rPh sb="21" eb="25">
      <t>コンピラバシ</t>
    </rPh>
    <phoneticPr fontId="2"/>
  </si>
  <si>
    <t>日高・御坊版　月刊わか山　六月号</t>
    <rPh sb="0" eb="2">
      <t>ヒダカ</t>
    </rPh>
    <rPh sb="3" eb="5">
      <t>ゴボウ</t>
    </rPh>
    <rPh sb="5" eb="6">
      <t>バン</t>
    </rPh>
    <rPh sb="7" eb="9">
      <t>ゲッカン</t>
    </rPh>
    <rPh sb="11" eb="12">
      <t>ヤマ</t>
    </rPh>
    <rPh sb="13" eb="14">
      <t>ロク</t>
    </rPh>
    <rPh sb="14" eb="16">
      <t>ガツゴウ</t>
    </rPh>
    <phoneticPr fontId="2"/>
  </si>
  <si>
    <t>西牟婁・田辺版　開かれる奥日高の宝庫　虎ヶ峰にトンネル　田辺－山路郷道路完成近し</t>
    <rPh sb="0" eb="3">
      <t>ニシムロ</t>
    </rPh>
    <rPh sb="4" eb="6">
      <t>タナベ</t>
    </rPh>
    <rPh sb="6" eb="7">
      <t>バン</t>
    </rPh>
    <rPh sb="8" eb="9">
      <t>ヒラ</t>
    </rPh>
    <rPh sb="12" eb="15">
      <t>オクヒダカ</t>
    </rPh>
    <rPh sb="16" eb="18">
      <t>ホウコ</t>
    </rPh>
    <rPh sb="19" eb="20">
      <t>トラ</t>
    </rPh>
    <rPh sb="21" eb="22">
      <t>ミネ</t>
    </rPh>
    <rPh sb="28" eb="30">
      <t>タナベ</t>
    </rPh>
    <rPh sb="31" eb="33">
      <t>ヤマジ</t>
    </rPh>
    <rPh sb="33" eb="34">
      <t>キョウ</t>
    </rPh>
    <rPh sb="34" eb="36">
      <t>ドウロ</t>
    </rPh>
    <rPh sb="36" eb="38">
      <t>カンセイ</t>
    </rPh>
    <rPh sb="38" eb="39">
      <t>チカ</t>
    </rPh>
    <phoneticPr fontId="2"/>
  </si>
  <si>
    <t>西牟婁・田辺版　就任に際して　田辺市長　那須孫次郎</t>
    <rPh sb="0" eb="3">
      <t>ニシムロ</t>
    </rPh>
    <rPh sb="4" eb="6">
      <t>タナベ</t>
    </rPh>
    <rPh sb="6" eb="7">
      <t>バン</t>
    </rPh>
    <rPh sb="8" eb="10">
      <t>シュウニン</t>
    </rPh>
    <rPh sb="11" eb="12">
      <t>サイ</t>
    </rPh>
    <rPh sb="15" eb="17">
      <t>タナベ</t>
    </rPh>
    <rPh sb="17" eb="19">
      <t>シチョウ</t>
    </rPh>
    <rPh sb="20" eb="22">
      <t>ナス</t>
    </rPh>
    <rPh sb="22" eb="25">
      <t>マゴジロウ</t>
    </rPh>
    <phoneticPr fontId="2"/>
  </si>
  <si>
    <t>西牟婁・田辺版　も毎更正した長野村</t>
    <rPh sb="0" eb="3">
      <t>ニシムロ</t>
    </rPh>
    <rPh sb="4" eb="6">
      <t>タナベ</t>
    </rPh>
    <rPh sb="6" eb="7">
      <t>バン</t>
    </rPh>
    <rPh sb="9" eb="10">
      <t>ゴト</t>
    </rPh>
    <rPh sb="10" eb="12">
      <t>コウセイ</t>
    </rPh>
    <rPh sb="14" eb="16">
      <t>ナガノ</t>
    </rPh>
    <rPh sb="16" eb="17">
      <t>ムラ</t>
    </rPh>
    <phoneticPr fontId="2"/>
  </si>
  <si>
    <t>西牟婁・田辺版　神子浜に防潮林（写真）</t>
    <rPh sb="0" eb="3">
      <t>ニシムロ</t>
    </rPh>
    <rPh sb="4" eb="6">
      <t>タナベ</t>
    </rPh>
    <rPh sb="6" eb="7">
      <t>バン</t>
    </rPh>
    <rPh sb="8" eb="9">
      <t>カミ</t>
    </rPh>
    <rPh sb="9" eb="10">
      <t>コ</t>
    </rPh>
    <rPh sb="10" eb="11">
      <t>ハマ</t>
    </rPh>
    <rPh sb="12" eb="15">
      <t>ボウチョウリン</t>
    </rPh>
    <rPh sb="16" eb="18">
      <t>シャシン</t>
    </rPh>
    <phoneticPr fontId="2"/>
  </si>
  <si>
    <t>西牟婁・田辺版　動力撒粉器の威力発揮（写真　動力撒粉器を使ってＢＨＣの撒布）</t>
    <rPh sb="0" eb="3">
      <t>ニシムロ</t>
    </rPh>
    <rPh sb="4" eb="6">
      <t>タナベ</t>
    </rPh>
    <rPh sb="6" eb="7">
      <t>バン</t>
    </rPh>
    <rPh sb="8" eb="10">
      <t>ドウリョク</t>
    </rPh>
    <rPh sb="10" eb="11">
      <t>マ</t>
    </rPh>
    <rPh sb="11" eb="12">
      <t>コナ</t>
    </rPh>
    <rPh sb="12" eb="13">
      <t>キ</t>
    </rPh>
    <rPh sb="14" eb="16">
      <t>イリョク</t>
    </rPh>
    <rPh sb="16" eb="18">
      <t>ハッキ</t>
    </rPh>
    <rPh sb="19" eb="21">
      <t>シャシン</t>
    </rPh>
    <rPh sb="22" eb="24">
      <t>ドウリョク</t>
    </rPh>
    <rPh sb="24" eb="25">
      <t>サン</t>
    </rPh>
    <rPh sb="25" eb="26">
      <t>コナ</t>
    </rPh>
    <rPh sb="26" eb="27">
      <t>キ</t>
    </rPh>
    <rPh sb="28" eb="29">
      <t>ツカ</t>
    </rPh>
    <rPh sb="35" eb="37">
      <t>サンプ</t>
    </rPh>
    <phoneticPr fontId="2"/>
  </si>
  <si>
    <t>西牟婁・田辺版　六百貫を目標　有望な田辺養殖真珠</t>
    <rPh sb="0" eb="3">
      <t>ニシムロ</t>
    </rPh>
    <rPh sb="4" eb="6">
      <t>タナベ</t>
    </rPh>
    <rPh sb="6" eb="7">
      <t>バン</t>
    </rPh>
    <rPh sb="8" eb="10">
      <t>600</t>
    </rPh>
    <rPh sb="10" eb="11">
      <t>カン</t>
    </rPh>
    <rPh sb="12" eb="14">
      <t>モクヒョウ</t>
    </rPh>
    <rPh sb="15" eb="17">
      <t>ユウボウ</t>
    </rPh>
    <rPh sb="18" eb="20">
      <t>タナベ</t>
    </rPh>
    <rPh sb="20" eb="22">
      <t>ヨウショク</t>
    </rPh>
    <rPh sb="22" eb="24">
      <t>シンジュ</t>
    </rPh>
    <phoneticPr fontId="2"/>
  </si>
  <si>
    <t>西牟婁・田辺版　農繁期の衛生　栄養を充分に</t>
    <rPh sb="0" eb="3">
      <t>ニシムロ</t>
    </rPh>
    <rPh sb="4" eb="6">
      <t>タナベ</t>
    </rPh>
    <rPh sb="6" eb="7">
      <t>バン</t>
    </rPh>
    <rPh sb="8" eb="11">
      <t>ノウハンキ</t>
    </rPh>
    <rPh sb="12" eb="14">
      <t>エイセイ</t>
    </rPh>
    <rPh sb="15" eb="17">
      <t>エイヨウ</t>
    </rPh>
    <rPh sb="18" eb="20">
      <t>ジュウブン</t>
    </rPh>
    <phoneticPr fontId="2"/>
  </si>
  <si>
    <t>西牟婁・田辺版　軌道に乗る促成栽培　白浜で花卉品評会開く（写真　花卉陳列場）</t>
    <rPh sb="0" eb="3">
      <t>ニシムロ</t>
    </rPh>
    <rPh sb="4" eb="6">
      <t>タナベ</t>
    </rPh>
    <rPh sb="6" eb="7">
      <t>バン</t>
    </rPh>
    <rPh sb="8" eb="10">
      <t>キドウ</t>
    </rPh>
    <rPh sb="11" eb="12">
      <t>ノ</t>
    </rPh>
    <rPh sb="13" eb="15">
      <t>ソクセイ</t>
    </rPh>
    <rPh sb="15" eb="17">
      <t>サイバイ</t>
    </rPh>
    <rPh sb="18" eb="20">
      <t>シラハマ</t>
    </rPh>
    <rPh sb="21" eb="23">
      <t>カキ</t>
    </rPh>
    <rPh sb="23" eb="26">
      <t>ヒンピョウカイ</t>
    </rPh>
    <rPh sb="26" eb="27">
      <t>ヒラ</t>
    </rPh>
    <rPh sb="29" eb="31">
      <t>シャシン</t>
    </rPh>
    <rPh sb="32" eb="34">
      <t>カキ</t>
    </rPh>
    <rPh sb="34" eb="37">
      <t>チンレツジョウ</t>
    </rPh>
    <phoneticPr fontId="2"/>
  </si>
  <si>
    <t>西牟婁・田辺版　入居者きまる　田辺の県営アパート完成</t>
    <rPh sb="0" eb="3">
      <t>ニシムロ</t>
    </rPh>
    <rPh sb="4" eb="6">
      <t>タナベ</t>
    </rPh>
    <rPh sb="6" eb="7">
      <t>バン</t>
    </rPh>
    <rPh sb="8" eb="11">
      <t>ニュウキョシャ</t>
    </rPh>
    <rPh sb="15" eb="17">
      <t>タナベ</t>
    </rPh>
    <rPh sb="18" eb="20">
      <t>ケンエイ</t>
    </rPh>
    <rPh sb="24" eb="26">
      <t>カンセイ</t>
    </rPh>
    <phoneticPr fontId="2"/>
  </si>
  <si>
    <t>西牟婁・田辺版　江住婦人会で研究発表</t>
    <rPh sb="0" eb="3">
      <t>ニシムロ</t>
    </rPh>
    <rPh sb="4" eb="6">
      <t>タナベ</t>
    </rPh>
    <rPh sb="6" eb="7">
      <t>バン</t>
    </rPh>
    <rPh sb="8" eb="10">
      <t>エスミ</t>
    </rPh>
    <rPh sb="10" eb="13">
      <t>フジンカイ</t>
    </rPh>
    <rPh sb="14" eb="16">
      <t>ケンキュウ</t>
    </rPh>
    <rPh sb="16" eb="18">
      <t>ハッピョウ</t>
    </rPh>
    <phoneticPr fontId="2"/>
  </si>
  <si>
    <t>西牟婁・田辺版　月刊わか山　六月号</t>
    <rPh sb="0" eb="3">
      <t>ニシムロ</t>
    </rPh>
    <rPh sb="4" eb="6">
      <t>タナベ</t>
    </rPh>
    <rPh sb="6" eb="7">
      <t>バン</t>
    </rPh>
    <rPh sb="8" eb="10">
      <t>ゲッカン</t>
    </rPh>
    <rPh sb="12" eb="13">
      <t>ヤマ</t>
    </rPh>
    <rPh sb="14" eb="17">
      <t>ロクガツゴウ</t>
    </rPh>
    <phoneticPr fontId="2"/>
  </si>
  <si>
    <t>東牟婁・新宮版　再出発する暖地園芸　有望なトンネル栽培　湯川に温泉利用の温室も（写真　太地町における蔬菜のトンネル栽培）</t>
    <rPh sb="0" eb="3">
      <t>ヒガシムロ</t>
    </rPh>
    <rPh sb="4" eb="6">
      <t>シングウ</t>
    </rPh>
    <rPh sb="6" eb="7">
      <t>バン</t>
    </rPh>
    <rPh sb="8" eb="11">
      <t>サイシュッパツ</t>
    </rPh>
    <rPh sb="13" eb="15">
      <t>ダンチ</t>
    </rPh>
    <rPh sb="15" eb="17">
      <t>エンゲイ</t>
    </rPh>
    <rPh sb="18" eb="20">
      <t>ユウボウ</t>
    </rPh>
    <rPh sb="25" eb="27">
      <t>サイバイ</t>
    </rPh>
    <rPh sb="28" eb="30">
      <t>ユカワ</t>
    </rPh>
    <rPh sb="31" eb="33">
      <t>オンセン</t>
    </rPh>
    <rPh sb="33" eb="35">
      <t>リヨウ</t>
    </rPh>
    <rPh sb="36" eb="38">
      <t>オンシツ</t>
    </rPh>
    <rPh sb="40" eb="42">
      <t>シャシン</t>
    </rPh>
    <rPh sb="43" eb="46">
      <t>タイジチョウ</t>
    </rPh>
    <rPh sb="50" eb="52">
      <t>ソサイ</t>
    </rPh>
    <rPh sb="57" eb="59">
      <t>サイバイ</t>
    </rPh>
    <phoneticPr fontId="2"/>
  </si>
  <si>
    <t>東牟婁・新宮版　新宮など13市町村　県民税納付優良で表彰</t>
    <rPh sb="0" eb="3">
      <t>ヒガシムロ</t>
    </rPh>
    <rPh sb="4" eb="6">
      <t>シングウ</t>
    </rPh>
    <rPh sb="6" eb="7">
      <t>バン</t>
    </rPh>
    <rPh sb="8" eb="10">
      <t>シングウ</t>
    </rPh>
    <rPh sb="14" eb="17">
      <t>シチョウソン</t>
    </rPh>
    <rPh sb="18" eb="21">
      <t>ケンミンゼイ</t>
    </rPh>
    <rPh sb="21" eb="23">
      <t>ノウフ</t>
    </rPh>
    <rPh sb="23" eb="25">
      <t>ユウリョウ</t>
    </rPh>
    <rPh sb="26" eb="28">
      <t>ヒョウショウ</t>
    </rPh>
    <phoneticPr fontId="2"/>
  </si>
  <si>
    <t>東牟婁・新宮版　赤ちゃんコンクールを顧みて</t>
    <rPh sb="0" eb="3">
      <t>ヒガシムロ</t>
    </rPh>
    <rPh sb="4" eb="6">
      <t>シングウ</t>
    </rPh>
    <rPh sb="6" eb="7">
      <t>バン</t>
    </rPh>
    <rPh sb="8" eb="9">
      <t>アカ</t>
    </rPh>
    <rPh sb="18" eb="19">
      <t>カエリ</t>
    </rPh>
    <phoneticPr fontId="2"/>
  </si>
  <si>
    <t>東牟婁・新宮版　鉄筋時代きたる　新宮に県営アパートも完成（写真　新宮市永山にできた県営アパート）</t>
    <rPh sb="0" eb="3">
      <t>ヒガシムロ</t>
    </rPh>
    <rPh sb="4" eb="6">
      <t>シングウ</t>
    </rPh>
    <rPh sb="6" eb="7">
      <t>バン</t>
    </rPh>
    <rPh sb="8" eb="10">
      <t>テッキン</t>
    </rPh>
    <rPh sb="10" eb="12">
      <t>ジダイ</t>
    </rPh>
    <rPh sb="16" eb="18">
      <t>シングウ</t>
    </rPh>
    <rPh sb="19" eb="21">
      <t>ケンエイ</t>
    </rPh>
    <rPh sb="26" eb="28">
      <t>カンセイ</t>
    </rPh>
    <rPh sb="29" eb="31">
      <t>シャシン</t>
    </rPh>
    <rPh sb="32" eb="35">
      <t>シングウシ</t>
    </rPh>
    <rPh sb="35" eb="37">
      <t>ナガヤマ</t>
    </rPh>
    <rPh sb="41" eb="43">
      <t>ケンエイ</t>
    </rPh>
    <phoneticPr fontId="2"/>
  </si>
  <si>
    <t>東牟婁・新宮版　六月七日は計量記念日　日常生活に計量観念を</t>
    <rPh sb="0" eb="3">
      <t>ヒガシムロ</t>
    </rPh>
    <rPh sb="4" eb="6">
      <t>シングウ</t>
    </rPh>
    <rPh sb="6" eb="7">
      <t>バン</t>
    </rPh>
    <phoneticPr fontId="2"/>
  </si>
  <si>
    <t>東牟婁・新宮版　勝浦で県未亡人大会（写真　勝浦小学校講堂）</t>
    <rPh sb="0" eb="3">
      <t>ヒガシムロ</t>
    </rPh>
    <rPh sb="4" eb="6">
      <t>シングウ</t>
    </rPh>
    <rPh sb="6" eb="7">
      <t>バン</t>
    </rPh>
    <rPh sb="8" eb="10">
      <t>カツウラ</t>
    </rPh>
    <rPh sb="11" eb="12">
      <t>ケン</t>
    </rPh>
    <rPh sb="12" eb="15">
      <t>ミボウジン</t>
    </rPh>
    <rPh sb="15" eb="17">
      <t>タイカイ</t>
    </rPh>
    <rPh sb="18" eb="20">
      <t>シャシン</t>
    </rPh>
    <rPh sb="21" eb="23">
      <t>カツウラ</t>
    </rPh>
    <rPh sb="23" eb="26">
      <t>ショウガッコウ</t>
    </rPh>
    <rPh sb="26" eb="28">
      <t>コウドウ</t>
    </rPh>
    <phoneticPr fontId="2"/>
  </si>
  <si>
    <t>東牟婁・新宮版　収毛量一〇〇貫　西向町の羊緬飼育成績</t>
    <rPh sb="0" eb="3">
      <t>ヒガシムロ</t>
    </rPh>
    <rPh sb="4" eb="6">
      <t>シングウ</t>
    </rPh>
    <rPh sb="6" eb="7">
      <t>バン</t>
    </rPh>
    <rPh sb="8" eb="9">
      <t>シュウ</t>
    </rPh>
    <rPh sb="9" eb="10">
      <t>ケ</t>
    </rPh>
    <rPh sb="10" eb="11">
      <t>リョウ</t>
    </rPh>
    <rPh sb="11" eb="14">
      <t>100</t>
    </rPh>
    <rPh sb="14" eb="15">
      <t>カン</t>
    </rPh>
    <rPh sb="16" eb="18">
      <t>ニシムカイ</t>
    </rPh>
    <rPh sb="18" eb="19">
      <t>チョウ</t>
    </rPh>
    <rPh sb="20" eb="21">
      <t>ヨウ</t>
    </rPh>
    <rPh sb="21" eb="22">
      <t>メン</t>
    </rPh>
    <rPh sb="22" eb="24">
      <t>シイク</t>
    </rPh>
    <rPh sb="24" eb="26">
      <t>セイセキ</t>
    </rPh>
    <phoneticPr fontId="2"/>
  </si>
  <si>
    <t>東牟婁・新宮版　町村めぐり　九重村・玉置口村</t>
    <rPh sb="0" eb="3">
      <t>ヒガシムロ</t>
    </rPh>
    <rPh sb="4" eb="6">
      <t>シングウ</t>
    </rPh>
    <rPh sb="6" eb="7">
      <t>バン</t>
    </rPh>
    <rPh sb="8" eb="10">
      <t>チョウソン</t>
    </rPh>
    <rPh sb="14" eb="16">
      <t>ココノエ</t>
    </rPh>
    <rPh sb="16" eb="17">
      <t>ムラ</t>
    </rPh>
    <rPh sb="18" eb="21">
      <t>タマキグチ</t>
    </rPh>
    <rPh sb="21" eb="22">
      <t>ムラ</t>
    </rPh>
    <phoneticPr fontId="2"/>
  </si>
  <si>
    <t>東牟婁・新宮版　月刊わか山　六月号</t>
    <rPh sb="0" eb="3">
      <t>ヒガシムロ</t>
    </rPh>
    <rPh sb="4" eb="6">
      <t>シングウ</t>
    </rPh>
    <rPh sb="6" eb="7">
      <t>バン</t>
    </rPh>
    <rPh sb="8" eb="10">
      <t>ゲッカン</t>
    </rPh>
    <rPh sb="12" eb="13">
      <t>ヤマ</t>
    </rPh>
    <rPh sb="14" eb="17">
      <t>ロクガツゴウ</t>
    </rPh>
    <phoneticPr fontId="2"/>
  </si>
  <si>
    <t>建設週間を迎え　防災・開発・建設　鈴木土木部長に聞く（写真　工事すすむ古座川ダム）</t>
    <rPh sb="0" eb="2">
      <t>ケンセツ</t>
    </rPh>
    <rPh sb="2" eb="4">
      <t>シュウカン</t>
    </rPh>
    <rPh sb="5" eb="6">
      <t>ムカ</t>
    </rPh>
    <rPh sb="8" eb="10">
      <t>ボウサイ</t>
    </rPh>
    <rPh sb="11" eb="13">
      <t>カイハツ</t>
    </rPh>
    <rPh sb="14" eb="16">
      <t>ケンセツ</t>
    </rPh>
    <rPh sb="17" eb="19">
      <t>スズキ</t>
    </rPh>
    <rPh sb="19" eb="21">
      <t>ドボク</t>
    </rPh>
    <rPh sb="21" eb="23">
      <t>ブチョウ</t>
    </rPh>
    <rPh sb="24" eb="25">
      <t>キ</t>
    </rPh>
    <rPh sb="27" eb="29">
      <t>シャシン</t>
    </rPh>
    <rPh sb="30" eb="32">
      <t>コウジ</t>
    </rPh>
    <rPh sb="35" eb="38">
      <t>コザガワ</t>
    </rPh>
    <phoneticPr fontId="2"/>
  </si>
  <si>
    <t>下津－初島間は完成　国道和歌山－松坂線の改修</t>
    <rPh sb="0" eb="2">
      <t>シモツ</t>
    </rPh>
    <rPh sb="3" eb="5">
      <t>ハツシマ</t>
    </rPh>
    <rPh sb="5" eb="6">
      <t>カン</t>
    </rPh>
    <rPh sb="7" eb="9">
      <t>カンセイ</t>
    </rPh>
    <rPh sb="10" eb="12">
      <t>コクドウ</t>
    </rPh>
    <rPh sb="12" eb="15">
      <t>ワカヤマ</t>
    </rPh>
    <rPh sb="16" eb="18">
      <t>マツザカ</t>
    </rPh>
    <rPh sb="18" eb="19">
      <t>セン</t>
    </rPh>
    <rPh sb="20" eb="22">
      <t>カイシュウ</t>
    </rPh>
    <phoneticPr fontId="2"/>
  </si>
  <si>
    <t>災害警備を強化　県警総動員で実施訓練（写真　六月三日田井の瀬河原で行われた紀の川ブロック訓練における応急仮橋の架設　先頭　三枝県警察本部長）</t>
    <rPh sb="0" eb="2">
      <t>サイガイ</t>
    </rPh>
    <rPh sb="2" eb="4">
      <t>ケイビ</t>
    </rPh>
    <rPh sb="5" eb="7">
      <t>キョウカ</t>
    </rPh>
    <rPh sb="8" eb="10">
      <t>ケンケイ</t>
    </rPh>
    <rPh sb="10" eb="13">
      <t>ソウドウイン</t>
    </rPh>
    <rPh sb="14" eb="16">
      <t>ジッシ</t>
    </rPh>
    <rPh sb="16" eb="18">
      <t>クンレン</t>
    </rPh>
    <rPh sb="19" eb="21">
      <t>シャシン</t>
    </rPh>
    <rPh sb="22" eb="23">
      <t>6</t>
    </rPh>
    <rPh sb="23" eb="24">
      <t>ガツ</t>
    </rPh>
    <rPh sb="24" eb="25">
      <t>3</t>
    </rPh>
    <rPh sb="25" eb="26">
      <t>ヒ</t>
    </rPh>
    <rPh sb="26" eb="28">
      <t>タイ</t>
    </rPh>
    <rPh sb="29" eb="30">
      <t>セ</t>
    </rPh>
    <rPh sb="30" eb="32">
      <t>カワラ</t>
    </rPh>
    <rPh sb="33" eb="34">
      <t>オコナ</t>
    </rPh>
    <rPh sb="37" eb="38">
      <t>キ</t>
    </rPh>
    <rPh sb="39" eb="40">
      <t>カワ</t>
    </rPh>
    <rPh sb="44" eb="46">
      <t>クンレン</t>
    </rPh>
    <rPh sb="50" eb="52">
      <t>オウキュウ</t>
    </rPh>
    <rPh sb="52" eb="54">
      <t>カリバシ</t>
    </rPh>
    <rPh sb="55" eb="57">
      <t>カセツ</t>
    </rPh>
    <rPh sb="58" eb="60">
      <t>セントウ</t>
    </rPh>
    <rPh sb="61" eb="63">
      <t>サエグサ</t>
    </rPh>
    <rPh sb="63" eb="64">
      <t>ケン</t>
    </rPh>
    <rPh sb="64" eb="66">
      <t>ケイサツ</t>
    </rPh>
    <rPh sb="66" eb="69">
      <t>ホンブチョウ</t>
    </rPh>
    <phoneticPr fontId="2"/>
  </si>
  <si>
    <t>有田・日高川の復旧工事</t>
    <rPh sb="0" eb="2">
      <t>アリダ</t>
    </rPh>
    <rPh sb="3" eb="6">
      <t>ヒダカガワ</t>
    </rPh>
    <rPh sb="7" eb="9">
      <t>フッキュウ</t>
    </rPh>
    <rPh sb="9" eb="11">
      <t>コウジ</t>
    </rPh>
    <phoneticPr fontId="2"/>
  </si>
  <si>
    <t>産業界に新紀元　竣工近い県営工業用水</t>
    <rPh sb="0" eb="3">
      <t>サンギョウカイ</t>
    </rPh>
    <rPh sb="4" eb="5">
      <t>シン</t>
    </rPh>
    <rPh sb="5" eb="7">
      <t>キゲン</t>
    </rPh>
    <rPh sb="8" eb="10">
      <t>シュンコウ</t>
    </rPh>
    <rPh sb="10" eb="11">
      <t>チカ</t>
    </rPh>
    <rPh sb="12" eb="14">
      <t>ケンエイ</t>
    </rPh>
    <rPh sb="14" eb="16">
      <t>コウギョウ</t>
    </rPh>
    <rPh sb="16" eb="18">
      <t>ヨウスイ</t>
    </rPh>
    <phoneticPr fontId="2"/>
  </si>
  <si>
    <t>解説　自主的な売渡しへ　改正された米の集荷制度　小川農林部長談</t>
    <rPh sb="0" eb="2">
      <t>カイセツ</t>
    </rPh>
    <rPh sb="3" eb="6">
      <t>ジシュテキ</t>
    </rPh>
    <rPh sb="7" eb="9">
      <t>ウリワタシ</t>
    </rPh>
    <rPh sb="12" eb="14">
      <t>カイセイ</t>
    </rPh>
    <rPh sb="17" eb="18">
      <t>コメ</t>
    </rPh>
    <rPh sb="19" eb="21">
      <t>シュウカ</t>
    </rPh>
    <rPh sb="21" eb="23">
      <t>セイド</t>
    </rPh>
    <rPh sb="24" eb="26">
      <t>オガワ</t>
    </rPh>
    <rPh sb="26" eb="28">
      <t>ノウリン</t>
    </rPh>
    <rPh sb="28" eb="30">
      <t>ブチョウ</t>
    </rPh>
    <rPh sb="30" eb="31">
      <t>ダン</t>
    </rPh>
    <phoneticPr fontId="2"/>
  </si>
  <si>
    <t>失業保険課を新設</t>
    <rPh sb="0" eb="2">
      <t>シツギョウ</t>
    </rPh>
    <rPh sb="2" eb="4">
      <t>ホケン</t>
    </rPh>
    <rPh sb="4" eb="5">
      <t>カ</t>
    </rPh>
    <rPh sb="6" eb="8">
      <t>シンセツ</t>
    </rPh>
    <phoneticPr fontId="2"/>
  </si>
  <si>
    <t>全国安全週間　７月１日～７日</t>
    <rPh sb="0" eb="2">
      <t>ゼンコク</t>
    </rPh>
    <rPh sb="2" eb="4">
      <t>アンゼン</t>
    </rPh>
    <rPh sb="4" eb="6">
      <t>シュウカン</t>
    </rPh>
    <rPh sb="8" eb="9">
      <t>ガツ</t>
    </rPh>
    <rPh sb="10" eb="11">
      <t>ヒ</t>
    </rPh>
    <rPh sb="13" eb="14">
      <t>ヒ</t>
    </rPh>
    <phoneticPr fontId="2"/>
  </si>
  <si>
    <t>国土建設週間　７月１０日→１６日</t>
    <rPh sb="0" eb="2">
      <t>コクド</t>
    </rPh>
    <rPh sb="2" eb="4">
      <t>ケンセツ</t>
    </rPh>
    <rPh sb="4" eb="6">
      <t>シュウカン</t>
    </rPh>
    <rPh sb="8" eb="9">
      <t>ガツ</t>
    </rPh>
    <rPh sb="11" eb="12">
      <t>ヒ</t>
    </rPh>
    <rPh sb="15" eb="16">
      <t>ニチ</t>
    </rPh>
    <phoneticPr fontId="2"/>
  </si>
  <si>
    <t>新生活のページ　蚊とハエのいない郷土を（写真　活躍する池田村青年団、婦人会　駆除隊）</t>
    <rPh sb="0" eb="3">
      <t>シンセイカツ</t>
    </rPh>
    <rPh sb="8" eb="9">
      <t>カ</t>
    </rPh>
    <rPh sb="16" eb="18">
      <t>キョウド</t>
    </rPh>
    <rPh sb="20" eb="22">
      <t>シャシン</t>
    </rPh>
    <rPh sb="23" eb="25">
      <t>カツヤク</t>
    </rPh>
    <rPh sb="27" eb="29">
      <t>イケダ</t>
    </rPh>
    <rPh sb="29" eb="30">
      <t>ムラ</t>
    </rPh>
    <rPh sb="30" eb="33">
      <t>セイネンダン</t>
    </rPh>
    <rPh sb="34" eb="37">
      <t>フジンカイ</t>
    </rPh>
    <rPh sb="38" eb="40">
      <t>クジョ</t>
    </rPh>
    <rPh sb="40" eb="41">
      <t>タイ</t>
    </rPh>
    <phoneticPr fontId="2"/>
  </si>
  <si>
    <t>新生活建設運動　保健衛生の向上強調月間</t>
    <rPh sb="0" eb="3">
      <t>シンセイカツ</t>
    </rPh>
    <rPh sb="3" eb="5">
      <t>ケンセツ</t>
    </rPh>
    <rPh sb="5" eb="7">
      <t>ウンドウ</t>
    </rPh>
    <rPh sb="8" eb="10">
      <t>ホケン</t>
    </rPh>
    <rPh sb="10" eb="12">
      <t>エイセイ</t>
    </rPh>
    <rPh sb="13" eb="15">
      <t>コウジョウ</t>
    </rPh>
    <rPh sb="15" eb="17">
      <t>キョウチョウ</t>
    </rPh>
    <rPh sb="17" eb="19">
      <t>ゲッカン</t>
    </rPh>
    <phoneticPr fontId="2"/>
  </si>
  <si>
    <t>戦後初の北米移民団　全員無事に目的地へ　デラノ（加州）で果樹栽培に従事　大橋公室長から船中だより（写真　見送りの小野知事と握手する大橋公室長　神戸で）</t>
    <rPh sb="0" eb="3">
      <t>センゴハツ</t>
    </rPh>
    <rPh sb="4" eb="6">
      <t>ホクベイ</t>
    </rPh>
    <rPh sb="6" eb="8">
      <t>イミン</t>
    </rPh>
    <rPh sb="8" eb="9">
      <t>ダン</t>
    </rPh>
    <rPh sb="10" eb="12">
      <t>ゼンイン</t>
    </rPh>
    <rPh sb="12" eb="14">
      <t>ブジ</t>
    </rPh>
    <rPh sb="15" eb="18">
      <t>モクテキチ</t>
    </rPh>
    <rPh sb="24" eb="26">
      <t>カシュウ</t>
    </rPh>
    <rPh sb="28" eb="30">
      <t>カジュ</t>
    </rPh>
    <rPh sb="30" eb="32">
      <t>サイバイ</t>
    </rPh>
    <rPh sb="33" eb="35">
      <t>ジュウジ</t>
    </rPh>
    <rPh sb="36" eb="38">
      <t>オオハシ</t>
    </rPh>
    <rPh sb="38" eb="41">
      <t>コウシツチョウ</t>
    </rPh>
    <rPh sb="43" eb="45">
      <t>センチュウ</t>
    </rPh>
    <rPh sb="49" eb="51">
      <t>シャシン</t>
    </rPh>
    <rPh sb="52" eb="54">
      <t>ミオク</t>
    </rPh>
    <rPh sb="56" eb="60">
      <t>オノチジ</t>
    </rPh>
    <rPh sb="61" eb="63">
      <t>アクシュ</t>
    </rPh>
    <rPh sb="65" eb="67">
      <t>オオハシ</t>
    </rPh>
    <rPh sb="67" eb="70">
      <t>コウシツチョウ</t>
    </rPh>
    <rPh sb="71" eb="73">
      <t>コウベ</t>
    </rPh>
    <phoneticPr fontId="2"/>
  </si>
  <si>
    <t>熱帯産植物の試験地　林業試験場が潮岬へ設置</t>
    <rPh sb="0" eb="3">
      <t>ネッタイサン</t>
    </rPh>
    <rPh sb="3" eb="5">
      <t>ショクブツ</t>
    </rPh>
    <rPh sb="6" eb="9">
      <t>シケンチ</t>
    </rPh>
    <rPh sb="10" eb="12">
      <t>リンギョウ</t>
    </rPh>
    <rPh sb="12" eb="15">
      <t>シケンジョウ</t>
    </rPh>
    <rPh sb="16" eb="18">
      <t>シオノミサキ</t>
    </rPh>
    <rPh sb="19" eb="21">
      <t>セッチ</t>
    </rPh>
    <phoneticPr fontId="2"/>
  </si>
  <si>
    <t>土産品に信頼感を　県が第一次推薦四十品目を指定</t>
    <rPh sb="0" eb="3">
      <t>ミヤゲヒン</t>
    </rPh>
    <rPh sb="4" eb="7">
      <t>シンライカン</t>
    </rPh>
    <rPh sb="9" eb="10">
      <t>ケン</t>
    </rPh>
    <rPh sb="11" eb="14">
      <t>ダイイチジ</t>
    </rPh>
    <rPh sb="14" eb="16">
      <t>スイセン</t>
    </rPh>
    <rPh sb="16" eb="18">
      <t>40</t>
    </rPh>
    <rPh sb="18" eb="20">
      <t>ヒンモク</t>
    </rPh>
    <rPh sb="21" eb="23">
      <t>シテイ</t>
    </rPh>
    <phoneticPr fontId="2"/>
  </si>
  <si>
    <t>許可制になる空気銃　飛出しナイフも所持禁止へ</t>
    <rPh sb="0" eb="3">
      <t>キョカセイ</t>
    </rPh>
    <rPh sb="6" eb="9">
      <t>クウキジュウ</t>
    </rPh>
    <rPh sb="10" eb="12">
      <t>トビダ</t>
    </rPh>
    <rPh sb="17" eb="19">
      <t>ショジ</t>
    </rPh>
    <rPh sb="19" eb="21">
      <t>キンシ</t>
    </rPh>
    <phoneticPr fontId="2"/>
  </si>
  <si>
    <t>月刊わか山　七月号</t>
    <rPh sb="0" eb="2">
      <t>ゲッカン</t>
    </rPh>
    <rPh sb="4" eb="5">
      <t>ヤマ</t>
    </rPh>
    <rPh sb="6" eb="7">
      <t>7</t>
    </rPh>
    <rPh sb="7" eb="9">
      <t>ガツゴウ</t>
    </rPh>
    <phoneticPr fontId="2"/>
  </si>
  <si>
    <t>市内版　幹線街路拡張整備すすむ　真砂町－小松原通五丁目間（写真　工事中の真砂町附近）</t>
    <rPh sb="0" eb="2">
      <t>シナイ</t>
    </rPh>
    <rPh sb="2" eb="3">
      <t>バン</t>
    </rPh>
    <rPh sb="4" eb="6">
      <t>カンセン</t>
    </rPh>
    <rPh sb="6" eb="8">
      <t>ガイロ</t>
    </rPh>
    <rPh sb="8" eb="10">
      <t>カクチョウ</t>
    </rPh>
    <rPh sb="10" eb="12">
      <t>セイビ</t>
    </rPh>
    <rPh sb="16" eb="18">
      <t>マサゴ</t>
    </rPh>
    <rPh sb="18" eb="19">
      <t>チョウ</t>
    </rPh>
    <rPh sb="20" eb="23">
      <t>コマツバラ</t>
    </rPh>
    <rPh sb="23" eb="24">
      <t>トオ</t>
    </rPh>
    <rPh sb="24" eb="25">
      <t>5</t>
    </rPh>
    <rPh sb="25" eb="27">
      <t>チョウメ</t>
    </rPh>
    <rPh sb="27" eb="28">
      <t>カン</t>
    </rPh>
    <rPh sb="29" eb="31">
      <t>シャシン</t>
    </rPh>
    <rPh sb="32" eb="35">
      <t>コウジチュウ</t>
    </rPh>
    <rPh sb="36" eb="39">
      <t>マサゴチョウ</t>
    </rPh>
    <rPh sb="39" eb="41">
      <t>フキン</t>
    </rPh>
    <phoneticPr fontId="2"/>
  </si>
  <si>
    <t>市内版　痴漢にご注意</t>
    <rPh sb="0" eb="2">
      <t>シナイ</t>
    </rPh>
    <rPh sb="2" eb="3">
      <t>バン</t>
    </rPh>
    <rPh sb="4" eb="6">
      <t>チカン</t>
    </rPh>
    <rPh sb="8" eb="10">
      <t>チュウイ</t>
    </rPh>
    <phoneticPr fontId="2"/>
  </si>
  <si>
    <t>市内版　お巡りさんの災害警備訓練</t>
    <rPh sb="0" eb="2">
      <t>シナイ</t>
    </rPh>
    <rPh sb="2" eb="3">
      <t>バン</t>
    </rPh>
    <rPh sb="5" eb="6">
      <t>マワ</t>
    </rPh>
    <rPh sb="10" eb="12">
      <t>サイガイ</t>
    </rPh>
    <rPh sb="12" eb="14">
      <t>ケイビ</t>
    </rPh>
    <rPh sb="14" eb="16">
      <t>クンレン</t>
    </rPh>
    <phoneticPr fontId="2"/>
  </si>
  <si>
    <t>市内版　身体障害者に福音（写真　完成近い更生指導所）</t>
    <rPh sb="0" eb="2">
      <t>シナイ</t>
    </rPh>
    <rPh sb="2" eb="3">
      <t>バン</t>
    </rPh>
    <rPh sb="4" eb="6">
      <t>シンタイ</t>
    </rPh>
    <rPh sb="6" eb="9">
      <t>ショウガイシャ</t>
    </rPh>
    <rPh sb="10" eb="12">
      <t>フクイン</t>
    </rPh>
    <rPh sb="13" eb="15">
      <t>シャシン</t>
    </rPh>
    <rPh sb="16" eb="18">
      <t>カンセイ</t>
    </rPh>
    <rPh sb="18" eb="19">
      <t>チカ</t>
    </rPh>
    <rPh sb="20" eb="22">
      <t>コウセイ</t>
    </rPh>
    <rPh sb="22" eb="25">
      <t>シドウショ</t>
    </rPh>
    <phoneticPr fontId="2"/>
  </si>
  <si>
    <t>市内版　父のない子を幸福に　県立母子寮で母親クラブ結成</t>
    <rPh sb="0" eb="2">
      <t>シナイ</t>
    </rPh>
    <rPh sb="2" eb="3">
      <t>バン</t>
    </rPh>
    <rPh sb="4" eb="5">
      <t>チチ</t>
    </rPh>
    <rPh sb="8" eb="9">
      <t>コ</t>
    </rPh>
    <rPh sb="10" eb="12">
      <t>コウフク</t>
    </rPh>
    <rPh sb="14" eb="16">
      <t>ケンリツ</t>
    </rPh>
    <rPh sb="16" eb="19">
      <t>ボシリョウ</t>
    </rPh>
    <rPh sb="20" eb="22">
      <t>ハハオヤ</t>
    </rPh>
    <rPh sb="25" eb="27">
      <t>ケッセイ</t>
    </rPh>
    <phoneticPr fontId="2"/>
  </si>
  <si>
    <t>市内版　職場の事故をなくそう　七月一日－七日　全国安全週間</t>
    <rPh sb="0" eb="2">
      <t>シナイ</t>
    </rPh>
    <rPh sb="2" eb="3">
      <t>バン</t>
    </rPh>
    <rPh sb="4" eb="6">
      <t>ショクバ</t>
    </rPh>
    <rPh sb="7" eb="9">
      <t>ジコ</t>
    </rPh>
    <rPh sb="15" eb="16">
      <t>7</t>
    </rPh>
    <rPh sb="16" eb="17">
      <t>ガツ</t>
    </rPh>
    <rPh sb="17" eb="19">
      <t>ツイタチ</t>
    </rPh>
    <rPh sb="20" eb="21">
      <t>7</t>
    </rPh>
    <rPh sb="21" eb="22">
      <t>ヒ</t>
    </rPh>
    <rPh sb="23" eb="25">
      <t>ゼンコク</t>
    </rPh>
    <rPh sb="25" eb="27">
      <t>アンゼン</t>
    </rPh>
    <rPh sb="27" eb="29">
      <t>シュウカン</t>
    </rPh>
    <phoneticPr fontId="2"/>
  </si>
  <si>
    <t>市内版　特定商工業者登録に協力を</t>
    <rPh sb="0" eb="2">
      <t>シナイ</t>
    </rPh>
    <rPh sb="2" eb="3">
      <t>バン</t>
    </rPh>
    <rPh sb="4" eb="6">
      <t>トクテイ</t>
    </rPh>
    <rPh sb="6" eb="8">
      <t>ショウコウ</t>
    </rPh>
    <rPh sb="8" eb="10">
      <t>ギョウシャ</t>
    </rPh>
    <rPh sb="10" eb="12">
      <t>トウロク</t>
    </rPh>
    <rPh sb="13" eb="15">
      <t>キョウリョク</t>
    </rPh>
    <phoneticPr fontId="2"/>
  </si>
  <si>
    <t>市内版　造林地手入運動　自７月１日　至９月３０日</t>
    <rPh sb="0" eb="2">
      <t>シナイ</t>
    </rPh>
    <rPh sb="2" eb="3">
      <t>バン</t>
    </rPh>
    <rPh sb="4" eb="7">
      <t>ゾウリンチ</t>
    </rPh>
    <rPh sb="7" eb="9">
      <t>テイ</t>
    </rPh>
    <rPh sb="9" eb="11">
      <t>ウンドウ</t>
    </rPh>
    <rPh sb="12" eb="13">
      <t>ジ</t>
    </rPh>
    <rPh sb="14" eb="15">
      <t>ガツ</t>
    </rPh>
    <rPh sb="16" eb="17">
      <t>ヒ</t>
    </rPh>
    <rPh sb="18" eb="19">
      <t>イタ</t>
    </rPh>
    <rPh sb="20" eb="21">
      <t>ガツ</t>
    </rPh>
    <rPh sb="23" eb="24">
      <t>ニチ</t>
    </rPh>
    <phoneticPr fontId="2"/>
  </si>
  <si>
    <t>市内版　成人体力健康調査　検査期間８月１０日</t>
    <rPh sb="0" eb="2">
      <t>シナイ</t>
    </rPh>
    <rPh sb="2" eb="3">
      <t>バン</t>
    </rPh>
    <rPh sb="4" eb="6">
      <t>セイジン</t>
    </rPh>
    <rPh sb="6" eb="8">
      <t>タイリョク</t>
    </rPh>
    <rPh sb="8" eb="10">
      <t>ケンコウ</t>
    </rPh>
    <rPh sb="10" eb="12">
      <t>チョウサ</t>
    </rPh>
    <rPh sb="13" eb="15">
      <t>ケンサ</t>
    </rPh>
    <rPh sb="15" eb="17">
      <t>キカン</t>
    </rPh>
    <rPh sb="18" eb="19">
      <t>ガツ</t>
    </rPh>
    <rPh sb="21" eb="22">
      <t>ヒ</t>
    </rPh>
    <phoneticPr fontId="2"/>
  </si>
  <si>
    <t>海草・海南版　農繁期に共同炊事（写真　共同炊事する原野朝日友の会員）　生活改善</t>
    <rPh sb="0" eb="2">
      <t>カイソウ</t>
    </rPh>
    <rPh sb="3" eb="5">
      <t>カイナン</t>
    </rPh>
    <rPh sb="5" eb="6">
      <t>バン</t>
    </rPh>
    <rPh sb="7" eb="10">
      <t>ノウハンk</t>
    </rPh>
    <rPh sb="11" eb="13">
      <t>キョウドウ</t>
    </rPh>
    <rPh sb="13" eb="15">
      <t>スイジ</t>
    </rPh>
    <rPh sb="16" eb="18">
      <t>シャシン</t>
    </rPh>
    <rPh sb="19" eb="21">
      <t>キョウドウ</t>
    </rPh>
    <rPh sb="21" eb="23">
      <t>スイジ</t>
    </rPh>
    <rPh sb="25" eb="27">
      <t>ハラノ</t>
    </rPh>
    <rPh sb="27" eb="29">
      <t>アサヒ</t>
    </rPh>
    <rPh sb="29" eb="30">
      <t>トモ</t>
    </rPh>
    <rPh sb="31" eb="32">
      <t>カイ</t>
    </rPh>
    <rPh sb="32" eb="33">
      <t>イン</t>
    </rPh>
    <rPh sb="35" eb="37">
      <t>セイカツ</t>
    </rPh>
    <rPh sb="37" eb="39">
      <t>カイゼン</t>
    </rPh>
    <phoneticPr fontId="2"/>
  </si>
  <si>
    <t>海草・海南版　葬祭改善に力こぶ　川永村楠本部落</t>
    <rPh sb="0" eb="2">
      <t>カイソウ</t>
    </rPh>
    <rPh sb="3" eb="5">
      <t>カイナン</t>
    </rPh>
    <rPh sb="5" eb="6">
      <t>バン</t>
    </rPh>
    <rPh sb="7" eb="9">
      <t>ソウサイ</t>
    </rPh>
    <rPh sb="9" eb="11">
      <t>カイゼン</t>
    </rPh>
    <rPh sb="12" eb="13">
      <t>チカラ</t>
    </rPh>
    <rPh sb="16" eb="17">
      <t>カワ</t>
    </rPh>
    <rPh sb="17" eb="19">
      <t>ナガムラ</t>
    </rPh>
    <rPh sb="19" eb="21">
      <t>クスモト</t>
    </rPh>
    <rPh sb="21" eb="23">
      <t>ブラク</t>
    </rPh>
    <phoneticPr fontId="2"/>
  </si>
  <si>
    <t>海草・海南版　内海の原始郷　観光客でにぎわう友ケ島（写真）</t>
    <rPh sb="0" eb="2">
      <t>カイソウ</t>
    </rPh>
    <rPh sb="3" eb="5">
      <t>カイナン</t>
    </rPh>
    <rPh sb="5" eb="6">
      <t>バン</t>
    </rPh>
    <rPh sb="7" eb="9">
      <t>ウツミ</t>
    </rPh>
    <rPh sb="10" eb="12">
      <t>ゲンシ</t>
    </rPh>
    <rPh sb="12" eb="13">
      <t>キョウ</t>
    </rPh>
    <rPh sb="14" eb="17">
      <t>カンコウキャク</t>
    </rPh>
    <rPh sb="22" eb="23">
      <t>トモ</t>
    </rPh>
    <rPh sb="24" eb="25">
      <t>シマ</t>
    </rPh>
    <rPh sb="26" eb="28">
      <t>シャシン</t>
    </rPh>
    <phoneticPr fontId="2"/>
  </si>
  <si>
    <t>海草・海南版　田井ノ瀬橋竣工　十五日に渡初め式</t>
    <rPh sb="0" eb="2">
      <t>カイソウ</t>
    </rPh>
    <rPh sb="3" eb="5">
      <t>カイナン</t>
    </rPh>
    <rPh sb="5" eb="6">
      <t>バン</t>
    </rPh>
    <rPh sb="7" eb="9">
      <t>タイ</t>
    </rPh>
    <rPh sb="10" eb="11">
      <t>セ</t>
    </rPh>
    <rPh sb="11" eb="12">
      <t>ハシ</t>
    </rPh>
    <rPh sb="12" eb="14">
      <t>シュンコウ</t>
    </rPh>
    <rPh sb="15" eb="17">
      <t>15</t>
    </rPh>
    <rPh sb="17" eb="18">
      <t>ニチ</t>
    </rPh>
    <rPh sb="19" eb="20">
      <t>ワタ</t>
    </rPh>
    <rPh sb="20" eb="21">
      <t>ゾ</t>
    </rPh>
    <rPh sb="22" eb="23">
      <t>シキ</t>
    </rPh>
    <phoneticPr fontId="2"/>
  </si>
  <si>
    <t>海草・海南版　美里町　新宮橋も完成（完成した新宮橋）</t>
    <rPh sb="0" eb="2">
      <t>カイソウ</t>
    </rPh>
    <rPh sb="3" eb="5">
      <t>カイナン</t>
    </rPh>
    <rPh sb="5" eb="6">
      <t>バン</t>
    </rPh>
    <rPh sb="7" eb="10">
      <t>ミサトチョウ</t>
    </rPh>
    <rPh sb="11" eb="14">
      <t>シングウバシ</t>
    </rPh>
    <rPh sb="15" eb="17">
      <t>カンセイ</t>
    </rPh>
    <rPh sb="18" eb="20">
      <t>カンセイ</t>
    </rPh>
    <rPh sb="22" eb="25">
      <t>シングウバシ</t>
    </rPh>
    <phoneticPr fontId="2"/>
  </si>
  <si>
    <t>海草・海南版　栗本氏ら表彰　選挙関係事務功労者</t>
    <rPh sb="0" eb="2">
      <t>カイソウ</t>
    </rPh>
    <rPh sb="3" eb="5">
      <t>カイナン</t>
    </rPh>
    <rPh sb="5" eb="6">
      <t>バン</t>
    </rPh>
    <rPh sb="7" eb="9">
      <t>クリモト</t>
    </rPh>
    <rPh sb="9" eb="10">
      <t>シ</t>
    </rPh>
    <rPh sb="11" eb="13">
      <t>ヒョウショウ</t>
    </rPh>
    <rPh sb="14" eb="16">
      <t>センキョ</t>
    </rPh>
    <rPh sb="16" eb="18">
      <t>カンケイ</t>
    </rPh>
    <rPh sb="18" eb="20">
      <t>ジム</t>
    </rPh>
    <rPh sb="20" eb="22">
      <t>コウロウ</t>
    </rPh>
    <rPh sb="22" eb="23">
      <t>シャ</t>
    </rPh>
    <phoneticPr fontId="2"/>
  </si>
  <si>
    <t>海草・海南版　人事異動</t>
    <rPh sb="0" eb="2">
      <t>カイソウ</t>
    </rPh>
    <rPh sb="3" eb="5">
      <t>カイナン</t>
    </rPh>
    <rPh sb="5" eb="6">
      <t>バン</t>
    </rPh>
    <rPh sb="7" eb="11">
      <t>ジンジイドウ</t>
    </rPh>
    <phoneticPr fontId="2"/>
  </si>
  <si>
    <t>海草・海南版　痴漢にご注意</t>
    <rPh sb="0" eb="2">
      <t>カイソウ</t>
    </rPh>
    <rPh sb="3" eb="5">
      <t>カイナン</t>
    </rPh>
    <rPh sb="5" eb="6">
      <t>バン</t>
    </rPh>
    <rPh sb="7" eb="9">
      <t>チカン</t>
    </rPh>
    <rPh sb="11" eb="13">
      <t>チュウイ</t>
    </rPh>
    <phoneticPr fontId="2"/>
  </si>
  <si>
    <t>海草・海南版　のびる肥料木　禿山復旧実を結ぶ</t>
    <rPh sb="0" eb="2">
      <t>カイソウ</t>
    </rPh>
    <rPh sb="3" eb="5">
      <t>カイナン</t>
    </rPh>
    <rPh sb="5" eb="6">
      <t>バン</t>
    </rPh>
    <rPh sb="10" eb="12">
      <t>ヒリョウ</t>
    </rPh>
    <rPh sb="12" eb="13">
      <t>ボク</t>
    </rPh>
    <rPh sb="14" eb="16">
      <t>ハゲヤマ</t>
    </rPh>
    <rPh sb="16" eb="18">
      <t>フッキュウ</t>
    </rPh>
    <rPh sb="18" eb="19">
      <t>ミ</t>
    </rPh>
    <rPh sb="20" eb="21">
      <t>ムス</t>
    </rPh>
    <phoneticPr fontId="2"/>
  </si>
  <si>
    <t>海草・海南版　西脇町　火災に備え水槽を新設</t>
    <rPh sb="0" eb="2">
      <t>カイソウ</t>
    </rPh>
    <rPh sb="3" eb="5">
      <t>カイナン</t>
    </rPh>
    <rPh sb="5" eb="6">
      <t>バン</t>
    </rPh>
    <rPh sb="7" eb="10">
      <t>ニシワキチョウ</t>
    </rPh>
    <rPh sb="11" eb="13">
      <t>カサイ</t>
    </rPh>
    <rPh sb="14" eb="15">
      <t>ソナ</t>
    </rPh>
    <rPh sb="16" eb="18">
      <t>スイソウ</t>
    </rPh>
    <rPh sb="19" eb="21">
      <t>シンセツ</t>
    </rPh>
    <phoneticPr fontId="2"/>
  </si>
  <si>
    <t>海草・海南版　特定商工業者登録に協力を！</t>
    <rPh sb="0" eb="2">
      <t>カイソウ</t>
    </rPh>
    <rPh sb="3" eb="5">
      <t>カイナン</t>
    </rPh>
    <rPh sb="5" eb="6">
      <t>バン</t>
    </rPh>
    <rPh sb="7" eb="9">
      <t>トクテイ</t>
    </rPh>
    <rPh sb="9" eb="11">
      <t>ショウコウ</t>
    </rPh>
    <rPh sb="11" eb="13">
      <t>ギョウシャ</t>
    </rPh>
    <rPh sb="13" eb="15">
      <t>トウロク</t>
    </rPh>
    <rPh sb="16" eb="18">
      <t>キョウリョク</t>
    </rPh>
    <phoneticPr fontId="2"/>
  </si>
  <si>
    <t>海草・海南版　蚊の吸血を妨げ　山羊　腰マヒの予防</t>
    <rPh sb="0" eb="2">
      <t>カイソウ</t>
    </rPh>
    <rPh sb="3" eb="5">
      <t>カイナン</t>
    </rPh>
    <rPh sb="5" eb="6">
      <t>バン</t>
    </rPh>
    <rPh sb="7" eb="8">
      <t>カ</t>
    </rPh>
    <rPh sb="9" eb="11">
      <t>キュウケツ</t>
    </rPh>
    <rPh sb="12" eb="13">
      <t>サマタ</t>
    </rPh>
    <rPh sb="15" eb="17">
      <t>ヤギ</t>
    </rPh>
    <rPh sb="18" eb="19">
      <t>コシ</t>
    </rPh>
    <rPh sb="22" eb="24">
      <t>ヨボウ</t>
    </rPh>
    <phoneticPr fontId="2"/>
  </si>
  <si>
    <t>海草・海南版　造林地手入運動　自７月１日　至９月３０日</t>
    <rPh sb="0" eb="2">
      <t>カイソウ</t>
    </rPh>
    <rPh sb="3" eb="5">
      <t>カイナン</t>
    </rPh>
    <rPh sb="5" eb="6">
      <t>バン</t>
    </rPh>
    <phoneticPr fontId="2"/>
  </si>
  <si>
    <t>海草・海南版　成人体力健康調査　検査期間８月１０日</t>
    <rPh sb="0" eb="2">
      <t>カイソウ</t>
    </rPh>
    <rPh sb="3" eb="5">
      <t>カイナン</t>
    </rPh>
    <rPh sb="5" eb="6">
      <t>バン</t>
    </rPh>
    <phoneticPr fontId="2"/>
  </si>
  <si>
    <t>那賀版　盛りあがる新生活運動熱　蚊とハエの根絶へ　池田</t>
    <rPh sb="0" eb="2">
      <t>ナガ</t>
    </rPh>
    <rPh sb="2" eb="3">
      <t>バン</t>
    </rPh>
    <rPh sb="4" eb="5">
      <t>モ</t>
    </rPh>
    <rPh sb="9" eb="12">
      <t>シンセイカツ</t>
    </rPh>
    <rPh sb="12" eb="14">
      <t>ウンドウ</t>
    </rPh>
    <rPh sb="14" eb="15">
      <t>ネツ</t>
    </rPh>
    <rPh sb="16" eb="17">
      <t>カ</t>
    </rPh>
    <rPh sb="21" eb="23">
      <t>コンゼツ</t>
    </rPh>
    <rPh sb="25" eb="27">
      <t>イケダ</t>
    </rPh>
    <phoneticPr fontId="2"/>
  </si>
  <si>
    <t>那賀版　盛りあがる新生活運動熱　会服や制服を制定　竜門友の会の衣改善</t>
    <rPh sb="0" eb="2">
      <t>ナガ</t>
    </rPh>
    <rPh sb="2" eb="3">
      <t>バン</t>
    </rPh>
    <rPh sb="16" eb="17">
      <t>カイ</t>
    </rPh>
    <rPh sb="17" eb="18">
      <t>フク</t>
    </rPh>
    <rPh sb="19" eb="21">
      <t>セイフク</t>
    </rPh>
    <rPh sb="22" eb="24">
      <t>セイテイ</t>
    </rPh>
    <rPh sb="25" eb="27">
      <t>リュウモン</t>
    </rPh>
    <rPh sb="27" eb="28">
      <t>トモ</t>
    </rPh>
    <rPh sb="29" eb="30">
      <t>カイ</t>
    </rPh>
    <rPh sb="31" eb="32">
      <t>コロモ</t>
    </rPh>
    <rPh sb="32" eb="34">
      <t>カイゼン</t>
    </rPh>
    <phoneticPr fontId="2"/>
  </si>
  <si>
    <t>那賀版　盛りあがる新生活運動熱　すべてを簡素に　安楽川でモデル結婚式</t>
    <rPh sb="0" eb="2">
      <t>ナガ</t>
    </rPh>
    <rPh sb="2" eb="3">
      <t>バン</t>
    </rPh>
    <rPh sb="20" eb="22">
      <t>カンソ</t>
    </rPh>
    <rPh sb="24" eb="27">
      <t>アンラクガワ</t>
    </rPh>
    <rPh sb="31" eb="34">
      <t>ケッコンシキ</t>
    </rPh>
    <phoneticPr fontId="2"/>
  </si>
  <si>
    <t>那賀版　盛りあがる新生活運動熱　粉食に力こぶ　奥安楽川　食生活の改善</t>
    <rPh sb="0" eb="2">
      <t>ナガ</t>
    </rPh>
    <rPh sb="2" eb="3">
      <t>バン</t>
    </rPh>
    <rPh sb="16" eb="17">
      <t>コナ</t>
    </rPh>
    <rPh sb="17" eb="18">
      <t>ショク</t>
    </rPh>
    <rPh sb="19" eb="20">
      <t>チカラ</t>
    </rPh>
    <rPh sb="23" eb="24">
      <t>オク</t>
    </rPh>
    <rPh sb="24" eb="27">
      <t>アンラクガワ</t>
    </rPh>
    <rPh sb="28" eb="31">
      <t>ショクセイカツ</t>
    </rPh>
    <rPh sb="32" eb="34">
      <t>カイゼン</t>
    </rPh>
    <phoneticPr fontId="2"/>
  </si>
  <si>
    <t>那賀版　盛りあがる新生活運動熱　香典返しも全廃　改善された葬祭　上名手</t>
    <rPh sb="0" eb="2">
      <t>ナガ</t>
    </rPh>
    <rPh sb="2" eb="3">
      <t>バン</t>
    </rPh>
    <rPh sb="16" eb="18">
      <t>コウデン</t>
    </rPh>
    <rPh sb="18" eb="19">
      <t>カエ</t>
    </rPh>
    <rPh sb="21" eb="23">
      <t>ゼンパイ</t>
    </rPh>
    <rPh sb="24" eb="26">
      <t>カイゼン</t>
    </rPh>
    <rPh sb="29" eb="31">
      <t>ソウサイ</t>
    </rPh>
    <rPh sb="32" eb="33">
      <t>カミ</t>
    </rPh>
    <rPh sb="33" eb="35">
      <t>ナテ</t>
    </rPh>
    <phoneticPr fontId="2"/>
  </si>
  <si>
    <t>那賀版　盛りあがる新生活運動熱　各戸へ貯金箱　上岩出</t>
    <rPh sb="0" eb="2">
      <t>ナガ</t>
    </rPh>
    <rPh sb="2" eb="3">
      <t>バン</t>
    </rPh>
    <rPh sb="16" eb="17">
      <t>カク</t>
    </rPh>
    <rPh sb="17" eb="18">
      <t>コ</t>
    </rPh>
    <rPh sb="19" eb="22">
      <t>チョキンバコ</t>
    </rPh>
    <rPh sb="23" eb="24">
      <t>カミ</t>
    </rPh>
    <rPh sb="24" eb="26">
      <t>イワデ</t>
    </rPh>
    <phoneticPr fontId="2"/>
  </si>
  <si>
    <t>那賀版　那賀町発足　七月一日　県下有数の蜜柑どころ</t>
    <rPh sb="0" eb="2">
      <t>ナガ</t>
    </rPh>
    <rPh sb="2" eb="3">
      <t>バン</t>
    </rPh>
    <rPh sb="4" eb="7">
      <t>ナガチョウ</t>
    </rPh>
    <rPh sb="7" eb="9">
      <t>ホッソク</t>
    </rPh>
    <rPh sb="10" eb="11">
      <t>7</t>
    </rPh>
    <rPh sb="11" eb="12">
      <t>ガツ</t>
    </rPh>
    <rPh sb="12" eb="13">
      <t>1</t>
    </rPh>
    <rPh sb="13" eb="14">
      <t>ヒ</t>
    </rPh>
    <rPh sb="15" eb="17">
      <t>ケンカ</t>
    </rPh>
    <rPh sb="17" eb="19">
      <t>ユウスウ</t>
    </rPh>
    <rPh sb="20" eb="22">
      <t>ミカン</t>
    </rPh>
    <phoneticPr fontId="2"/>
  </si>
  <si>
    <t>那賀版　産業展描　水蜜桃（写真　共同選果場）</t>
    <rPh sb="0" eb="2">
      <t>ナガ</t>
    </rPh>
    <rPh sb="2" eb="3">
      <t>バン</t>
    </rPh>
    <rPh sb="4" eb="6">
      <t>サンギョウ</t>
    </rPh>
    <rPh sb="6" eb="8">
      <t>テンビョウ</t>
    </rPh>
    <rPh sb="9" eb="12">
      <t>スイミツトウ</t>
    </rPh>
    <rPh sb="13" eb="15">
      <t>シャシン</t>
    </rPh>
    <rPh sb="16" eb="18">
      <t>キョウドウ</t>
    </rPh>
    <rPh sb="18" eb="21">
      <t>センカジョウ</t>
    </rPh>
    <phoneticPr fontId="2"/>
  </si>
  <si>
    <t>那賀版　小河川復旧続々（写真　完成した突出川の復旧工事）</t>
    <rPh sb="0" eb="2">
      <t>ナガ</t>
    </rPh>
    <rPh sb="2" eb="3">
      <t>バン</t>
    </rPh>
    <rPh sb="4" eb="5">
      <t>ショウ</t>
    </rPh>
    <rPh sb="5" eb="7">
      <t>カセン</t>
    </rPh>
    <rPh sb="7" eb="9">
      <t>フッキュウ</t>
    </rPh>
    <rPh sb="9" eb="11">
      <t>ゾクゾク</t>
    </rPh>
    <rPh sb="12" eb="14">
      <t>シャシン</t>
    </rPh>
    <rPh sb="15" eb="17">
      <t>カンセイ</t>
    </rPh>
    <rPh sb="19" eb="21">
      <t>トッシュツ</t>
    </rPh>
    <rPh sb="21" eb="22">
      <t>カワ</t>
    </rPh>
    <rPh sb="23" eb="25">
      <t>フッキュウ</t>
    </rPh>
    <rPh sb="25" eb="27">
      <t>コウジ</t>
    </rPh>
    <phoneticPr fontId="2"/>
  </si>
  <si>
    <t>那賀版　鎌垣林道　一期工事終る（写真　完成した鎌垣林道の一部）</t>
    <rPh sb="0" eb="2">
      <t>ナガ</t>
    </rPh>
    <rPh sb="2" eb="3">
      <t>バン</t>
    </rPh>
    <rPh sb="4" eb="5">
      <t>カマ</t>
    </rPh>
    <rPh sb="5" eb="6">
      <t>カキ</t>
    </rPh>
    <rPh sb="6" eb="8">
      <t>リンドウ</t>
    </rPh>
    <rPh sb="9" eb="11">
      <t>イッキ</t>
    </rPh>
    <rPh sb="11" eb="13">
      <t>コウジ</t>
    </rPh>
    <rPh sb="13" eb="14">
      <t>オワ</t>
    </rPh>
    <rPh sb="16" eb="18">
      <t>シャシン</t>
    </rPh>
    <rPh sb="19" eb="21">
      <t>カンセイ</t>
    </rPh>
    <rPh sb="23" eb="24">
      <t>カマ</t>
    </rPh>
    <rPh sb="24" eb="25">
      <t>ガキ</t>
    </rPh>
    <rPh sb="25" eb="27">
      <t>リンドウ</t>
    </rPh>
    <rPh sb="28" eb="30">
      <t>イチブ</t>
    </rPh>
    <phoneticPr fontId="2"/>
  </si>
  <si>
    <t>那賀版　池田・安楽川で公聴会</t>
    <rPh sb="0" eb="2">
      <t>ナガ</t>
    </rPh>
    <rPh sb="2" eb="3">
      <t>バン</t>
    </rPh>
    <rPh sb="4" eb="6">
      <t>イケダ</t>
    </rPh>
    <rPh sb="7" eb="10">
      <t>アンラクガワ</t>
    </rPh>
    <rPh sb="11" eb="14">
      <t>コウチョウカイ</t>
    </rPh>
    <phoneticPr fontId="2"/>
  </si>
  <si>
    <t>那賀版　造林地手入運動　自７月１日　至９月３０日</t>
    <rPh sb="0" eb="2">
      <t>ナガ</t>
    </rPh>
    <rPh sb="2" eb="3">
      <t>バン</t>
    </rPh>
    <phoneticPr fontId="2"/>
  </si>
  <si>
    <t>那賀版　成人体力健康調査　検査期間８月１０日</t>
    <rPh sb="0" eb="2">
      <t>ナガ</t>
    </rPh>
    <rPh sb="2" eb="3">
      <t>バン</t>
    </rPh>
    <phoneticPr fontId="2"/>
  </si>
  <si>
    <t>伊都・橋本版　実践期に入った新生活運動　強調月間を設定　手洗いを郡民運動で</t>
    <rPh sb="0" eb="2">
      <t>イト</t>
    </rPh>
    <rPh sb="3" eb="5">
      <t>ハシモト</t>
    </rPh>
    <rPh sb="5" eb="6">
      <t>バン</t>
    </rPh>
    <rPh sb="7" eb="9">
      <t>ジッセン</t>
    </rPh>
    <rPh sb="9" eb="10">
      <t>キ</t>
    </rPh>
    <rPh sb="11" eb="12">
      <t>ハイ</t>
    </rPh>
    <rPh sb="14" eb="19">
      <t>シンセイカツウンドウ</t>
    </rPh>
    <rPh sb="20" eb="22">
      <t>キョウチョウ</t>
    </rPh>
    <rPh sb="22" eb="24">
      <t>ゲッカン</t>
    </rPh>
    <rPh sb="25" eb="27">
      <t>セッテイ</t>
    </rPh>
    <rPh sb="28" eb="30">
      <t>テアラ</t>
    </rPh>
    <rPh sb="32" eb="34">
      <t>グンミン</t>
    </rPh>
    <rPh sb="34" eb="36">
      <t>ウンドウ</t>
    </rPh>
    <phoneticPr fontId="2"/>
  </si>
  <si>
    <t>伊都・橋本版　新町村めぐり（３）　五ヵ年計画を推進　農工商の新生伊都町（写真　松本嘉一郎町長）</t>
    <rPh sb="0" eb="2">
      <t>イト</t>
    </rPh>
    <rPh sb="3" eb="5">
      <t>ハシモト</t>
    </rPh>
    <rPh sb="5" eb="6">
      <t>バン</t>
    </rPh>
    <rPh sb="7" eb="8">
      <t>シン</t>
    </rPh>
    <rPh sb="8" eb="10">
      <t>チョウソン</t>
    </rPh>
    <rPh sb="17" eb="18">
      <t>5</t>
    </rPh>
    <rPh sb="19" eb="20">
      <t>ネン</t>
    </rPh>
    <rPh sb="20" eb="22">
      <t>ケイカク</t>
    </rPh>
    <rPh sb="23" eb="25">
      <t>スイシン</t>
    </rPh>
    <rPh sb="26" eb="29">
      <t>ノウコウショウ</t>
    </rPh>
    <rPh sb="30" eb="32">
      <t>シンセイ</t>
    </rPh>
    <rPh sb="32" eb="34">
      <t>イト</t>
    </rPh>
    <rPh sb="34" eb="35">
      <t>チョウ</t>
    </rPh>
    <rPh sb="36" eb="38">
      <t>シャシン</t>
    </rPh>
    <rPh sb="39" eb="41">
      <t>マツモト</t>
    </rPh>
    <rPh sb="41" eb="44">
      <t>カイチロウ</t>
    </rPh>
    <rPh sb="44" eb="46">
      <t>チョウチョウ</t>
    </rPh>
    <phoneticPr fontId="2"/>
  </si>
  <si>
    <t>伊都・橋本版　出場者を募集　造林間伐コンクール</t>
    <rPh sb="0" eb="2">
      <t>イト</t>
    </rPh>
    <rPh sb="3" eb="5">
      <t>ハシモト</t>
    </rPh>
    <rPh sb="5" eb="6">
      <t>バン</t>
    </rPh>
    <rPh sb="7" eb="10">
      <t>シュツジョウシャ</t>
    </rPh>
    <rPh sb="11" eb="13">
      <t>ボシュウ</t>
    </rPh>
    <rPh sb="14" eb="16">
      <t>ゾウリン</t>
    </rPh>
    <rPh sb="16" eb="18">
      <t>カンバツ</t>
    </rPh>
    <phoneticPr fontId="2"/>
  </si>
  <si>
    <t>伊都・橋本版　盛大な母親大会開く（写真　会場風景　橋本市教育会館）</t>
    <rPh sb="0" eb="2">
      <t>イト</t>
    </rPh>
    <rPh sb="3" eb="5">
      <t>ハシモト</t>
    </rPh>
    <rPh sb="5" eb="6">
      <t>バン</t>
    </rPh>
    <rPh sb="7" eb="9">
      <t>セイダイ</t>
    </rPh>
    <rPh sb="10" eb="12">
      <t>ハハオヤ</t>
    </rPh>
    <rPh sb="12" eb="14">
      <t>タイカイ</t>
    </rPh>
    <rPh sb="14" eb="15">
      <t>ヒラ</t>
    </rPh>
    <rPh sb="17" eb="19">
      <t>シャシン</t>
    </rPh>
    <rPh sb="20" eb="22">
      <t>カイジョウ</t>
    </rPh>
    <rPh sb="22" eb="24">
      <t>フウケイ</t>
    </rPh>
    <rPh sb="25" eb="28">
      <t>ハシモトシ</t>
    </rPh>
    <rPh sb="28" eb="30">
      <t>キョウイク</t>
    </rPh>
    <rPh sb="30" eb="32">
      <t>カイカン</t>
    </rPh>
    <phoneticPr fontId="2"/>
  </si>
  <si>
    <t>伊都・橋本版　町村職員の研修を実施　伊都郡地方事務所</t>
    <rPh sb="0" eb="2">
      <t>イト</t>
    </rPh>
    <rPh sb="3" eb="5">
      <t>ハシモト</t>
    </rPh>
    <rPh sb="5" eb="6">
      <t>バン</t>
    </rPh>
    <rPh sb="7" eb="9">
      <t>チョウソン</t>
    </rPh>
    <rPh sb="9" eb="11">
      <t>ショクイン</t>
    </rPh>
    <rPh sb="12" eb="14">
      <t>ケンシュウ</t>
    </rPh>
    <rPh sb="15" eb="17">
      <t>ジッシ</t>
    </rPh>
    <rPh sb="18" eb="21">
      <t>イトグン</t>
    </rPh>
    <rPh sb="21" eb="23">
      <t>チホウ</t>
    </rPh>
    <rPh sb="23" eb="26">
      <t>ジムショ</t>
    </rPh>
    <phoneticPr fontId="2"/>
  </si>
  <si>
    <t>伊都・橋本版　高野に植物園</t>
    <rPh sb="0" eb="2">
      <t>イト</t>
    </rPh>
    <rPh sb="3" eb="5">
      <t>ハシモト</t>
    </rPh>
    <rPh sb="5" eb="6">
      <t>バン</t>
    </rPh>
    <rPh sb="7" eb="9">
      <t>コウヤ</t>
    </rPh>
    <rPh sb="10" eb="13">
      <t>ショクブツエン</t>
    </rPh>
    <phoneticPr fontId="2"/>
  </si>
  <si>
    <t>伊都・橋本版　イネカラバエ　山間農家に警告</t>
    <rPh sb="0" eb="2">
      <t>イト</t>
    </rPh>
    <rPh sb="3" eb="5">
      <t>ハシモト</t>
    </rPh>
    <rPh sb="5" eb="6">
      <t>バン</t>
    </rPh>
    <rPh sb="14" eb="16">
      <t>サンカン</t>
    </rPh>
    <rPh sb="16" eb="18">
      <t>ノウカ</t>
    </rPh>
    <rPh sb="19" eb="21">
      <t>ケイコク</t>
    </rPh>
    <phoneticPr fontId="2"/>
  </si>
  <si>
    <t>伊都・橋本版　低調な県民税徴収率</t>
    <rPh sb="0" eb="2">
      <t>イト</t>
    </rPh>
    <rPh sb="3" eb="5">
      <t>ハシモト</t>
    </rPh>
    <rPh sb="5" eb="6">
      <t>バン</t>
    </rPh>
    <rPh sb="7" eb="9">
      <t>テイチョウ</t>
    </rPh>
    <rPh sb="10" eb="12">
      <t>ケンミン</t>
    </rPh>
    <rPh sb="12" eb="13">
      <t>ゼイ</t>
    </rPh>
    <rPh sb="13" eb="16">
      <t>チョウシュウリツ</t>
    </rPh>
    <phoneticPr fontId="2"/>
  </si>
  <si>
    <t>伊都・橋本版　学文路婦人会　栄養改善の基礎調査　圧倒的に多い粥食</t>
    <rPh sb="0" eb="2">
      <t>イト</t>
    </rPh>
    <rPh sb="3" eb="5">
      <t>ハシモト</t>
    </rPh>
    <rPh sb="5" eb="6">
      <t>バン</t>
    </rPh>
    <rPh sb="7" eb="10">
      <t>カムロ</t>
    </rPh>
    <rPh sb="10" eb="13">
      <t>フジンカイ</t>
    </rPh>
    <rPh sb="14" eb="16">
      <t>エイヨウ</t>
    </rPh>
    <rPh sb="16" eb="18">
      <t>カイゼン</t>
    </rPh>
    <rPh sb="19" eb="21">
      <t>キソ</t>
    </rPh>
    <rPh sb="21" eb="23">
      <t>チョウサ</t>
    </rPh>
    <rPh sb="24" eb="27">
      <t>アットウテキ</t>
    </rPh>
    <rPh sb="28" eb="29">
      <t>オオ</t>
    </rPh>
    <rPh sb="30" eb="31">
      <t>カユ</t>
    </rPh>
    <rPh sb="31" eb="32">
      <t>ショク</t>
    </rPh>
    <phoneticPr fontId="2"/>
  </si>
  <si>
    <t>伊都・橋本版　造林地手入運動　自７月１日　至９月３０日</t>
    <rPh sb="0" eb="2">
      <t>イト</t>
    </rPh>
    <rPh sb="3" eb="5">
      <t>ハシモト</t>
    </rPh>
    <rPh sb="5" eb="6">
      <t>バン</t>
    </rPh>
    <phoneticPr fontId="2"/>
  </si>
  <si>
    <t>伊都・橋本版　成人体力健康調査　検査期間８月１０日</t>
    <rPh sb="0" eb="2">
      <t>イト</t>
    </rPh>
    <rPh sb="3" eb="5">
      <t>ハシモト</t>
    </rPh>
    <rPh sb="5" eb="6">
      <t>バン</t>
    </rPh>
    <phoneticPr fontId="2"/>
  </si>
  <si>
    <t>有田版　七・一八水害から二年　力強い再建の足跡　坂上有田地方事務所長談</t>
    <rPh sb="0" eb="2">
      <t>アリダ</t>
    </rPh>
    <rPh sb="2" eb="3">
      <t>バン</t>
    </rPh>
    <rPh sb="4" eb="5">
      <t>7</t>
    </rPh>
    <rPh sb="6" eb="8">
      <t>18</t>
    </rPh>
    <rPh sb="8" eb="10">
      <t>スイガイ</t>
    </rPh>
    <rPh sb="12" eb="13">
      <t>2</t>
    </rPh>
    <rPh sb="13" eb="14">
      <t>ネン</t>
    </rPh>
    <rPh sb="15" eb="17">
      <t>チカラヅヨ</t>
    </rPh>
    <rPh sb="18" eb="20">
      <t>サイケン</t>
    </rPh>
    <rPh sb="21" eb="23">
      <t>アシアト</t>
    </rPh>
    <rPh sb="24" eb="26">
      <t>サカガミ</t>
    </rPh>
    <rPh sb="26" eb="28">
      <t>アリタ</t>
    </rPh>
    <rPh sb="28" eb="34">
      <t>チホウジムショチョウ</t>
    </rPh>
    <rPh sb="34" eb="35">
      <t>ダン</t>
    </rPh>
    <phoneticPr fontId="2"/>
  </si>
  <si>
    <t>有田版　重要文化財めぐり（３）　廣八幡宮（写真）</t>
    <rPh sb="0" eb="2">
      <t>アリダ</t>
    </rPh>
    <rPh sb="2" eb="3">
      <t>バン</t>
    </rPh>
    <rPh sb="4" eb="9">
      <t>ジュウヨウブンカザイ</t>
    </rPh>
    <rPh sb="16" eb="17">
      <t>ヒロ</t>
    </rPh>
    <rPh sb="17" eb="20">
      <t>ハチマングウ</t>
    </rPh>
    <rPh sb="21" eb="23">
      <t>シャシン</t>
    </rPh>
    <phoneticPr fontId="2"/>
  </si>
  <si>
    <t>有田版　災害田に田植唄はずむ（写真　有田町宮原地区の田植）</t>
    <rPh sb="0" eb="2">
      <t>アリダ</t>
    </rPh>
    <rPh sb="2" eb="3">
      <t>バン</t>
    </rPh>
    <rPh sb="4" eb="6">
      <t>サイガイ</t>
    </rPh>
    <rPh sb="6" eb="7">
      <t>タ</t>
    </rPh>
    <rPh sb="8" eb="10">
      <t>タウエ</t>
    </rPh>
    <rPh sb="10" eb="11">
      <t>ウタ</t>
    </rPh>
    <rPh sb="15" eb="17">
      <t>シャシン</t>
    </rPh>
    <rPh sb="18" eb="21">
      <t>アリダチョウ</t>
    </rPh>
    <rPh sb="21" eb="23">
      <t>ミヤハラ</t>
    </rPh>
    <rPh sb="23" eb="25">
      <t>チク</t>
    </rPh>
    <rPh sb="26" eb="28">
      <t>タウエ</t>
    </rPh>
    <phoneticPr fontId="2"/>
  </si>
  <si>
    <t>有田版　お願い！</t>
    <rPh sb="0" eb="2">
      <t>アリダ</t>
    </rPh>
    <rPh sb="2" eb="3">
      <t>バン</t>
    </rPh>
    <rPh sb="5" eb="6">
      <t>ネガ</t>
    </rPh>
    <phoneticPr fontId="2"/>
  </si>
  <si>
    <t>有田版　鳥屋城の栄養調査　ビタミンが不足</t>
    <rPh sb="0" eb="2">
      <t>アリダ</t>
    </rPh>
    <rPh sb="2" eb="3">
      <t>バン</t>
    </rPh>
    <rPh sb="4" eb="6">
      <t>トヤ</t>
    </rPh>
    <rPh sb="6" eb="7">
      <t>ジョウ</t>
    </rPh>
    <rPh sb="8" eb="10">
      <t>エイヨウ</t>
    </rPh>
    <rPh sb="10" eb="12">
      <t>チョウサ</t>
    </rPh>
    <rPh sb="18" eb="20">
      <t>フソク</t>
    </rPh>
    <phoneticPr fontId="2"/>
  </si>
  <si>
    <t>有田版　盛りあがる貯蓄熱　新生活の建設運動</t>
    <rPh sb="0" eb="2">
      <t>アリダ</t>
    </rPh>
    <rPh sb="2" eb="3">
      <t>バン</t>
    </rPh>
    <rPh sb="4" eb="5">
      <t>モ</t>
    </rPh>
    <rPh sb="9" eb="11">
      <t>チョチク</t>
    </rPh>
    <rPh sb="11" eb="12">
      <t>ネツ</t>
    </rPh>
    <rPh sb="13" eb="16">
      <t>シンセイカツ</t>
    </rPh>
    <rPh sb="17" eb="19">
      <t>ケンセツ</t>
    </rPh>
    <rPh sb="19" eb="21">
      <t>ウンドウ</t>
    </rPh>
    <phoneticPr fontId="2"/>
  </si>
  <si>
    <t>有田版　共同炊事する広川町公門原グループ　栄養料理に舌つづみ</t>
    <rPh sb="0" eb="2">
      <t>アリダ</t>
    </rPh>
    <rPh sb="2" eb="3">
      <t>バン</t>
    </rPh>
    <rPh sb="4" eb="6">
      <t>キョウドウ</t>
    </rPh>
    <rPh sb="6" eb="8">
      <t>スイジ</t>
    </rPh>
    <rPh sb="10" eb="13">
      <t>ヒロカワチョウ</t>
    </rPh>
    <rPh sb="13" eb="15">
      <t>クモン</t>
    </rPh>
    <rPh sb="15" eb="16">
      <t>バラ</t>
    </rPh>
    <rPh sb="21" eb="23">
      <t>エイヨウ</t>
    </rPh>
    <rPh sb="23" eb="25">
      <t>リョウリ</t>
    </rPh>
    <rPh sb="26" eb="27">
      <t>シタ</t>
    </rPh>
    <phoneticPr fontId="2"/>
  </si>
  <si>
    <t>有田版　林業だより</t>
    <rPh sb="0" eb="2">
      <t>アリダ</t>
    </rPh>
    <rPh sb="2" eb="3">
      <t>バン</t>
    </rPh>
    <rPh sb="4" eb="6">
      <t>リンギョウ</t>
    </rPh>
    <phoneticPr fontId="2"/>
  </si>
  <si>
    <t>有田版　柑橘園七月の行事</t>
    <rPh sb="0" eb="2">
      <t>アリダ</t>
    </rPh>
    <rPh sb="2" eb="3">
      <t>バン</t>
    </rPh>
    <rPh sb="4" eb="6">
      <t>カンキツ</t>
    </rPh>
    <rPh sb="6" eb="7">
      <t>エン</t>
    </rPh>
    <rPh sb="7" eb="8">
      <t>7</t>
    </rPh>
    <rPh sb="8" eb="9">
      <t>ガツ</t>
    </rPh>
    <rPh sb="10" eb="12">
      <t>ギョウジ</t>
    </rPh>
    <phoneticPr fontId="2"/>
  </si>
  <si>
    <t>有田版　根強い因習　少ない共同火葬場の利用</t>
    <rPh sb="0" eb="2">
      <t>アリダ</t>
    </rPh>
    <rPh sb="2" eb="3">
      <t>バン</t>
    </rPh>
    <rPh sb="4" eb="6">
      <t>ネヅヨ</t>
    </rPh>
    <rPh sb="7" eb="9">
      <t>インシュウ</t>
    </rPh>
    <rPh sb="10" eb="11">
      <t>スク</t>
    </rPh>
    <rPh sb="13" eb="15">
      <t>キョウドウ</t>
    </rPh>
    <rPh sb="15" eb="18">
      <t>カソウバ</t>
    </rPh>
    <rPh sb="19" eb="21">
      <t>リヨウ</t>
    </rPh>
    <phoneticPr fontId="2"/>
  </si>
  <si>
    <t>有田版　人事異動</t>
    <rPh sb="0" eb="2">
      <t>アリダ</t>
    </rPh>
    <rPh sb="2" eb="3">
      <t>バン</t>
    </rPh>
    <rPh sb="4" eb="8">
      <t>ジンジイドウ</t>
    </rPh>
    <phoneticPr fontId="2"/>
  </si>
  <si>
    <t>有田版　造林地手入運動　自７月１日　至９月３０日</t>
    <rPh sb="0" eb="2">
      <t>アリダ</t>
    </rPh>
    <rPh sb="2" eb="3">
      <t>バン</t>
    </rPh>
    <phoneticPr fontId="2"/>
  </si>
  <si>
    <t>有田版　成人体力健康調査　検査期間８月１０日</t>
    <rPh sb="0" eb="2">
      <t>アリダ</t>
    </rPh>
    <rPh sb="2" eb="3">
      <t>バン</t>
    </rPh>
    <phoneticPr fontId="2"/>
  </si>
  <si>
    <t>日高・御坊版　結実した突貫工事（写真　最後の仕上げをまつ大又川ダム）</t>
    <rPh sb="0" eb="2">
      <t>ヒダカ</t>
    </rPh>
    <rPh sb="3" eb="5">
      <t>ゴボウ</t>
    </rPh>
    <rPh sb="5" eb="6">
      <t>バン</t>
    </rPh>
    <rPh sb="7" eb="9">
      <t>ケツジツ</t>
    </rPh>
    <rPh sb="11" eb="15">
      <t>トッカンコウジ</t>
    </rPh>
    <rPh sb="16" eb="18">
      <t>シャシン</t>
    </rPh>
    <rPh sb="19" eb="21">
      <t>サイゴ</t>
    </rPh>
    <rPh sb="22" eb="24">
      <t>シア</t>
    </rPh>
    <rPh sb="28" eb="31">
      <t>オオマタガワ</t>
    </rPh>
    <phoneticPr fontId="2"/>
  </si>
  <si>
    <t>日高・御坊版　切目村　乙井堰復旧成る　水圧式自動堰を採用</t>
    <rPh sb="0" eb="2">
      <t>ヒダカ</t>
    </rPh>
    <rPh sb="3" eb="5">
      <t>ゴボウ</t>
    </rPh>
    <rPh sb="5" eb="6">
      <t>バン</t>
    </rPh>
    <rPh sb="7" eb="8">
      <t>キ</t>
    </rPh>
    <rPh sb="8" eb="9">
      <t>メ</t>
    </rPh>
    <rPh sb="9" eb="10">
      <t>ムラ</t>
    </rPh>
    <rPh sb="11" eb="12">
      <t>オツ</t>
    </rPh>
    <rPh sb="12" eb="14">
      <t>イセキ</t>
    </rPh>
    <rPh sb="14" eb="16">
      <t>フッキュウ</t>
    </rPh>
    <rPh sb="16" eb="17">
      <t>ナ</t>
    </rPh>
    <rPh sb="19" eb="21">
      <t>スイアツ</t>
    </rPh>
    <rPh sb="21" eb="22">
      <t>シキ</t>
    </rPh>
    <rPh sb="22" eb="24">
      <t>ジドウ</t>
    </rPh>
    <rPh sb="24" eb="25">
      <t>セキ</t>
    </rPh>
    <rPh sb="26" eb="28">
      <t>サイヨウ</t>
    </rPh>
    <phoneticPr fontId="2"/>
  </si>
  <si>
    <t>日高・御坊版　治山事業に十年計画</t>
    <rPh sb="0" eb="2">
      <t>ヒダカ</t>
    </rPh>
    <rPh sb="3" eb="5">
      <t>ゴボウ</t>
    </rPh>
    <rPh sb="5" eb="6">
      <t>バン</t>
    </rPh>
    <rPh sb="7" eb="9">
      <t>チサン</t>
    </rPh>
    <rPh sb="9" eb="11">
      <t>ジギョウ</t>
    </rPh>
    <rPh sb="12" eb="13">
      <t>10</t>
    </rPh>
    <rPh sb="13" eb="14">
      <t>ネン</t>
    </rPh>
    <rPh sb="14" eb="16">
      <t>ケイカク</t>
    </rPh>
    <phoneticPr fontId="2"/>
  </si>
  <si>
    <t>日高・御坊版　美浜町　日高町　ことしもテント村開設（写真）</t>
    <rPh sb="0" eb="2">
      <t>ヒダカ</t>
    </rPh>
    <rPh sb="3" eb="5">
      <t>ゴボウ</t>
    </rPh>
    <rPh sb="5" eb="6">
      <t>バン</t>
    </rPh>
    <rPh sb="7" eb="10">
      <t>ミハマチョウ</t>
    </rPh>
    <rPh sb="11" eb="14">
      <t>ヒダカチョウ</t>
    </rPh>
    <rPh sb="22" eb="23">
      <t>ムラ</t>
    </rPh>
    <rPh sb="23" eb="25">
      <t>カイセツ</t>
    </rPh>
    <rPh sb="26" eb="28">
      <t>シャシン</t>
    </rPh>
    <phoneticPr fontId="2"/>
  </si>
  <si>
    <t>日高・御坊版　皆瀬橋竣工　奥日高開発へ威力（写真　完成した皆瀬橋）</t>
    <rPh sb="0" eb="2">
      <t>ヒダカ</t>
    </rPh>
    <rPh sb="3" eb="5">
      <t>ゴボウ</t>
    </rPh>
    <rPh sb="5" eb="6">
      <t>バン</t>
    </rPh>
    <rPh sb="7" eb="9">
      <t>カイゼ</t>
    </rPh>
    <rPh sb="9" eb="10">
      <t>バシ</t>
    </rPh>
    <rPh sb="10" eb="12">
      <t>シュンコウ</t>
    </rPh>
    <rPh sb="13" eb="16">
      <t>オクヒダカ</t>
    </rPh>
    <rPh sb="16" eb="18">
      <t>カイハツ</t>
    </rPh>
    <rPh sb="19" eb="21">
      <t>イリョク</t>
    </rPh>
    <rPh sb="22" eb="24">
      <t>シャシン</t>
    </rPh>
    <rPh sb="25" eb="27">
      <t>カンセイ</t>
    </rPh>
    <rPh sb="29" eb="31">
      <t>カイゼ</t>
    </rPh>
    <rPh sb="31" eb="32">
      <t>バシ</t>
    </rPh>
    <phoneticPr fontId="2"/>
  </si>
  <si>
    <t>日高・御坊版　梅雨から夏の衛生</t>
    <rPh sb="0" eb="2">
      <t>ヒダカ</t>
    </rPh>
    <rPh sb="3" eb="5">
      <t>ゴボウ</t>
    </rPh>
    <rPh sb="5" eb="6">
      <t>バン</t>
    </rPh>
    <rPh sb="7" eb="9">
      <t>ツユ</t>
    </rPh>
    <rPh sb="11" eb="12">
      <t>ナツ</t>
    </rPh>
    <rPh sb="13" eb="15">
      <t>エイセイ</t>
    </rPh>
    <phoneticPr fontId="2"/>
  </si>
  <si>
    <t>日高・御坊版　更正医療で白内障全快　坂井さん開眼（写真　新聞を手に喜びの坂井さん）</t>
    <rPh sb="0" eb="2">
      <t>ヒダカ</t>
    </rPh>
    <rPh sb="3" eb="5">
      <t>ゴボウ</t>
    </rPh>
    <rPh sb="5" eb="6">
      <t>バン</t>
    </rPh>
    <rPh sb="7" eb="9">
      <t>コウセイ</t>
    </rPh>
    <rPh sb="9" eb="11">
      <t>イリョウ</t>
    </rPh>
    <rPh sb="12" eb="15">
      <t>ハクナイショウ</t>
    </rPh>
    <rPh sb="15" eb="17">
      <t>ゼンカイ</t>
    </rPh>
    <rPh sb="18" eb="20">
      <t>サカイ</t>
    </rPh>
    <rPh sb="22" eb="24">
      <t>カイガン</t>
    </rPh>
    <rPh sb="25" eb="27">
      <t>シャシン</t>
    </rPh>
    <rPh sb="28" eb="30">
      <t>シンブン</t>
    </rPh>
    <rPh sb="31" eb="32">
      <t>テ</t>
    </rPh>
    <rPh sb="33" eb="34">
      <t>ヨロコ</t>
    </rPh>
    <rPh sb="36" eb="38">
      <t>サカイ</t>
    </rPh>
    <phoneticPr fontId="2"/>
  </si>
  <si>
    <t>日高・御坊版　農繁期に保育所　御坊市塩屋町　猪野友の会の活躍（写真　仲よく遊ぶ園児たち）</t>
    <rPh sb="0" eb="2">
      <t>ヒダカ</t>
    </rPh>
    <rPh sb="3" eb="5">
      <t>ゴボウ</t>
    </rPh>
    <rPh sb="5" eb="6">
      <t>バン</t>
    </rPh>
    <rPh sb="7" eb="10">
      <t>ノウハンキ</t>
    </rPh>
    <rPh sb="11" eb="14">
      <t>ホイクショ</t>
    </rPh>
    <rPh sb="15" eb="18">
      <t>ゴボウシ</t>
    </rPh>
    <rPh sb="18" eb="21">
      <t>シオヤチョウ</t>
    </rPh>
    <rPh sb="22" eb="23">
      <t>イノシシ</t>
    </rPh>
    <rPh sb="23" eb="24">
      <t>ノ</t>
    </rPh>
    <rPh sb="24" eb="25">
      <t>トモ</t>
    </rPh>
    <rPh sb="26" eb="27">
      <t>カイ</t>
    </rPh>
    <rPh sb="28" eb="30">
      <t>カツヤク</t>
    </rPh>
    <rPh sb="31" eb="33">
      <t>シャシン</t>
    </rPh>
    <rPh sb="34" eb="35">
      <t>ナカ</t>
    </rPh>
    <rPh sb="37" eb="38">
      <t>アソ</t>
    </rPh>
    <rPh sb="39" eb="41">
      <t>エンジ</t>
    </rPh>
    <phoneticPr fontId="2"/>
  </si>
  <si>
    <t>日高・御坊版　北米移民団・ハワイから第一信</t>
    <rPh sb="0" eb="2">
      <t>ヒダカ</t>
    </rPh>
    <rPh sb="3" eb="5">
      <t>ゴボウ</t>
    </rPh>
    <rPh sb="5" eb="6">
      <t>バン</t>
    </rPh>
    <rPh sb="7" eb="9">
      <t>ホクベイ</t>
    </rPh>
    <rPh sb="9" eb="11">
      <t>イミン</t>
    </rPh>
    <rPh sb="11" eb="12">
      <t>ダン</t>
    </rPh>
    <rPh sb="18" eb="19">
      <t>ダイ</t>
    </rPh>
    <rPh sb="19" eb="20">
      <t>1</t>
    </rPh>
    <rPh sb="20" eb="21">
      <t>シン</t>
    </rPh>
    <phoneticPr fontId="2"/>
  </si>
  <si>
    <t>日高・御坊版　造林地手入運動　自７月１日　至９月３０日</t>
    <rPh sb="0" eb="2">
      <t>ヒダカ</t>
    </rPh>
    <rPh sb="3" eb="5">
      <t>ゴボウ</t>
    </rPh>
    <rPh sb="5" eb="6">
      <t>バン</t>
    </rPh>
    <phoneticPr fontId="2"/>
  </si>
  <si>
    <t>日高・御坊版　成人体力健康調査　検査期間８月１０日</t>
    <rPh sb="0" eb="2">
      <t>ヒダカ</t>
    </rPh>
    <rPh sb="3" eb="5">
      <t>ゴボウ</t>
    </rPh>
    <rPh sb="5" eb="6">
      <t>バン</t>
    </rPh>
    <phoneticPr fontId="2"/>
  </si>
  <si>
    <t>西牟婁・田辺版　脚光あびる十津川往来（写真　雄大な資源をもつ十津川往来沿線の美林）</t>
    <rPh sb="0" eb="3">
      <t>ニシムロ</t>
    </rPh>
    <rPh sb="4" eb="6">
      <t>タナベ</t>
    </rPh>
    <rPh sb="6" eb="7">
      <t>バン</t>
    </rPh>
    <rPh sb="8" eb="10">
      <t>キャッコウ</t>
    </rPh>
    <rPh sb="13" eb="16">
      <t>トツカワ</t>
    </rPh>
    <rPh sb="16" eb="18">
      <t>オウライ</t>
    </rPh>
    <rPh sb="19" eb="21">
      <t>シャシン</t>
    </rPh>
    <rPh sb="22" eb="24">
      <t>ユウダイ</t>
    </rPh>
    <rPh sb="25" eb="27">
      <t>シゲン</t>
    </rPh>
    <rPh sb="30" eb="33">
      <t>トツカワ</t>
    </rPh>
    <rPh sb="33" eb="35">
      <t>オウライ</t>
    </rPh>
    <rPh sb="35" eb="37">
      <t>エンセン</t>
    </rPh>
    <rPh sb="38" eb="40">
      <t>ビリン</t>
    </rPh>
    <phoneticPr fontId="2"/>
  </si>
  <si>
    <t>西牟婁・田辺版　仮締切に着工　建設すすむ殿山発電所（写真　ダム道路建設に活躍するブルトーザー）</t>
    <rPh sb="0" eb="3">
      <t>ニシムロ</t>
    </rPh>
    <rPh sb="4" eb="6">
      <t>タナベ</t>
    </rPh>
    <rPh sb="6" eb="7">
      <t>バン</t>
    </rPh>
    <rPh sb="8" eb="9">
      <t>カリ</t>
    </rPh>
    <rPh sb="9" eb="11">
      <t>シメキ</t>
    </rPh>
    <rPh sb="12" eb="14">
      <t>チャッコウ</t>
    </rPh>
    <rPh sb="15" eb="17">
      <t>ケンセツ</t>
    </rPh>
    <rPh sb="20" eb="22">
      <t>トノヤマ</t>
    </rPh>
    <rPh sb="22" eb="25">
      <t>ハツデンショ</t>
    </rPh>
    <rPh sb="26" eb="28">
      <t>シャシン</t>
    </rPh>
    <rPh sb="31" eb="33">
      <t>ドウロ</t>
    </rPh>
    <rPh sb="33" eb="35">
      <t>ケンセツ</t>
    </rPh>
    <rPh sb="36" eb="38">
      <t>カツヤク</t>
    </rPh>
    <phoneticPr fontId="2"/>
  </si>
  <si>
    <t>西牟婁・田辺版　二川村に砂防堰堤</t>
    <rPh sb="0" eb="3">
      <t>ニシムロ</t>
    </rPh>
    <rPh sb="4" eb="6">
      <t>タナベ</t>
    </rPh>
    <rPh sb="6" eb="7">
      <t>バン</t>
    </rPh>
    <rPh sb="8" eb="10">
      <t>フタガワ</t>
    </rPh>
    <rPh sb="10" eb="11">
      <t>ムラ</t>
    </rPh>
    <rPh sb="12" eb="14">
      <t>サボウ</t>
    </rPh>
    <rPh sb="14" eb="16">
      <t>セキテイ</t>
    </rPh>
    <phoneticPr fontId="2"/>
  </si>
  <si>
    <t>西牟婁・田辺版　田に山に赤信号　イネカラバエとスギハダニ発生</t>
    <rPh sb="0" eb="3">
      <t>ニシムロ</t>
    </rPh>
    <rPh sb="4" eb="6">
      <t>タナベ</t>
    </rPh>
    <rPh sb="6" eb="7">
      <t>バン</t>
    </rPh>
    <rPh sb="8" eb="9">
      <t>タ</t>
    </rPh>
    <rPh sb="10" eb="11">
      <t>ヤマ</t>
    </rPh>
    <rPh sb="12" eb="15">
      <t>アカシンゴウ</t>
    </rPh>
    <rPh sb="28" eb="30">
      <t>ハッセイ</t>
    </rPh>
    <phoneticPr fontId="2"/>
  </si>
  <si>
    <t>西牟婁・田辺版　田辺産貝ボタンの近況　海外で大好評</t>
    <rPh sb="0" eb="3">
      <t>ニシムロ</t>
    </rPh>
    <rPh sb="4" eb="6">
      <t>タナベ</t>
    </rPh>
    <rPh sb="6" eb="7">
      <t>バン</t>
    </rPh>
    <rPh sb="8" eb="10">
      <t>タナベ</t>
    </rPh>
    <rPh sb="10" eb="11">
      <t>サン</t>
    </rPh>
    <rPh sb="11" eb="12">
      <t>カイ</t>
    </rPh>
    <rPh sb="16" eb="18">
      <t>キンキョウ</t>
    </rPh>
    <rPh sb="19" eb="21">
      <t>カイガイ</t>
    </rPh>
    <rPh sb="22" eb="25">
      <t>ダイコウヒョウ</t>
    </rPh>
    <phoneticPr fontId="2"/>
  </si>
  <si>
    <t>西牟婁・田辺版　特定商工業者の登録に協力を</t>
    <rPh sb="0" eb="3">
      <t>ニシムロ</t>
    </rPh>
    <rPh sb="4" eb="6">
      <t>タナベ</t>
    </rPh>
    <rPh sb="6" eb="7">
      <t>バン</t>
    </rPh>
    <rPh sb="8" eb="10">
      <t>トクテイ</t>
    </rPh>
    <rPh sb="10" eb="12">
      <t>ショウコウ</t>
    </rPh>
    <rPh sb="12" eb="14">
      <t>ギョウシャ</t>
    </rPh>
    <rPh sb="15" eb="17">
      <t>トウロク</t>
    </rPh>
    <rPh sb="18" eb="20">
      <t>キョウリョク</t>
    </rPh>
    <phoneticPr fontId="2"/>
  </si>
  <si>
    <t>西牟婁・田辺版　解説　小作地の引上げ問題</t>
    <rPh sb="0" eb="3">
      <t>ニシムロ</t>
    </rPh>
    <rPh sb="4" eb="6">
      <t>タナベ</t>
    </rPh>
    <rPh sb="6" eb="7">
      <t>バン</t>
    </rPh>
    <rPh sb="8" eb="10">
      <t>カイセツ</t>
    </rPh>
    <rPh sb="11" eb="14">
      <t>コサクチ</t>
    </rPh>
    <rPh sb="15" eb="17">
      <t>ヒキア</t>
    </rPh>
    <rPh sb="18" eb="20">
      <t>モンダイ</t>
    </rPh>
    <phoneticPr fontId="2"/>
  </si>
  <si>
    <t>西牟婁・田辺版　モダンな建物に　田辺土木出張所落成</t>
    <rPh sb="0" eb="3">
      <t>ニシムロ</t>
    </rPh>
    <rPh sb="4" eb="6">
      <t>タナベ</t>
    </rPh>
    <rPh sb="6" eb="7">
      <t>バン</t>
    </rPh>
    <rPh sb="12" eb="14">
      <t>タテモノ</t>
    </rPh>
    <rPh sb="16" eb="18">
      <t>タナベ</t>
    </rPh>
    <rPh sb="18" eb="20">
      <t>ドボク</t>
    </rPh>
    <rPh sb="20" eb="23">
      <t>シュッチョウショ</t>
    </rPh>
    <rPh sb="23" eb="25">
      <t>ラクセイ</t>
    </rPh>
    <phoneticPr fontId="2"/>
  </si>
  <si>
    <t>西牟婁・田辺版　人事異動</t>
    <rPh sb="0" eb="3">
      <t>ニシムロ</t>
    </rPh>
    <rPh sb="4" eb="6">
      <t>タナベ</t>
    </rPh>
    <rPh sb="6" eb="7">
      <t>バン</t>
    </rPh>
    <rPh sb="8" eb="12">
      <t>ジンジイドウ</t>
    </rPh>
    <phoneticPr fontId="2"/>
  </si>
  <si>
    <t>西牟婁・田辺版　造林地手入運動　自７月１日　至９月３０日</t>
    <rPh sb="0" eb="3">
      <t>ニシムロ</t>
    </rPh>
    <rPh sb="4" eb="6">
      <t>タナベ</t>
    </rPh>
    <rPh sb="6" eb="7">
      <t>バン</t>
    </rPh>
    <phoneticPr fontId="2"/>
  </si>
  <si>
    <t>西牟婁・田辺版　成人体力健康調査　検査期間８月１０日</t>
    <rPh sb="0" eb="3">
      <t>ニシムロ</t>
    </rPh>
    <rPh sb="4" eb="6">
      <t>タナベ</t>
    </rPh>
    <rPh sb="6" eb="7">
      <t>バン</t>
    </rPh>
    <phoneticPr fontId="2"/>
  </si>
  <si>
    <t>東牟婁・新宮版　市田川改修　計画の大半完成　改良事務所廃止さる（写真　完成した市田川堤防）</t>
    <rPh sb="0" eb="3">
      <t>ヒガシムロ</t>
    </rPh>
    <rPh sb="4" eb="7">
      <t>シングウバン</t>
    </rPh>
    <rPh sb="8" eb="11">
      <t>イチダガワ</t>
    </rPh>
    <rPh sb="11" eb="13">
      <t>カイシュウ</t>
    </rPh>
    <rPh sb="14" eb="16">
      <t>ケイカク</t>
    </rPh>
    <rPh sb="17" eb="19">
      <t>タイハン</t>
    </rPh>
    <rPh sb="19" eb="21">
      <t>カンセイ</t>
    </rPh>
    <rPh sb="22" eb="24">
      <t>カイリョウ</t>
    </rPh>
    <rPh sb="24" eb="27">
      <t>ジムショ</t>
    </rPh>
    <rPh sb="27" eb="29">
      <t>ハイシ</t>
    </rPh>
    <rPh sb="32" eb="34">
      <t>シャシン</t>
    </rPh>
    <rPh sb="35" eb="37">
      <t>カンセイ</t>
    </rPh>
    <rPh sb="39" eb="42">
      <t>イチダガワ</t>
    </rPh>
    <rPh sb="42" eb="44">
      <t>テイボウ</t>
    </rPh>
    <phoneticPr fontId="2"/>
  </si>
  <si>
    <t>東牟婁・新宮版　七川村　下露部落などに点灯　ランプ生活にサヨナラ</t>
    <rPh sb="0" eb="3">
      <t>ヒガシムロ</t>
    </rPh>
    <rPh sb="4" eb="7">
      <t>シングウバン</t>
    </rPh>
    <rPh sb="8" eb="11">
      <t>シチカワソン</t>
    </rPh>
    <rPh sb="12" eb="14">
      <t>シモツユ</t>
    </rPh>
    <rPh sb="14" eb="16">
      <t>ブラク</t>
    </rPh>
    <rPh sb="19" eb="21">
      <t>テントウ</t>
    </rPh>
    <rPh sb="25" eb="27">
      <t>セイカツ</t>
    </rPh>
    <phoneticPr fontId="2"/>
  </si>
  <si>
    <t>東牟婁・新宮版　町村めぐり　大島村</t>
    <rPh sb="0" eb="3">
      <t>ヒガシムロ</t>
    </rPh>
    <rPh sb="4" eb="7">
      <t>シングウバン</t>
    </rPh>
    <rPh sb="8" eb="10">
      <t>チョウソン</t>
    </rPh>
    <rPh sb="14" eb="17">
      <t>オオシマムラ</t>
    </rPh>
    <phoneticPr fontId="2"/>
  </si>
  <si>
    <t>東牟婁・新宮版　那智勝浦町で合併祝賀会（写真　祝賀会場　勝浦小学校）</t>
    <rPh sb="0" eb="3">
      <t>ヒガシムロ</t>
    </rPh>
    <rPh sb="4" eb="7">
      <t>シングウバン</t>
    </rPh>
    <rPh sb="8" eb="13">
      <t>ナチカツウラチョウ</t>
    </rPh>
    <rPh sb="14" eb="16">
      <t>ガッペイ</t>
    </rPh>
    <rPh sb="16" eb="19">
      <t>シュクガカイ</t>
    </rPh>
    <rPh sb="20" eb="22">
      <t>シャシン</t>
    </rPh>
    <rPh sb="23" eb="25">
      <t>シュクガ</t>
    </rPh>
    <rPh sb="25" eb="27">
      <t>カイジョウ</t>
    </rPh>
    <rPh sb="28" eb="30">
      <t>カツウラ</t>
    </rPh>
    <rPh sb="30" eb="33">
      <t>ショウガッコウ</t>
    </rPh>
    <phoneticPr fontId="2"/>
  </si>
  <si>
    <t>東牟婁・新宮版　三里村の春繭好成績</t>
    <rPh sb="0" eb="3">
      <t>ヒガシムロ</t>
    </rPh>
    <rPh sb="4" eb="7">
      <t>シングウバン</t>
    </rPh>
    <rPh sb="8" eb="9">
      <t>サン</t>
    </rPh>
    <rPh sb="9" eb="11">
      <t>サトムラ</t>
    </rPh>
    <rPh sb="12" eb="13">
      <t>ハル</t>
    </rPh>
    <rPh sb="13" eb="14">
      <t>マユ</t>
    </rPh>
    <rPh sb="14" eb="17">
      <t>コウセイセキ</t>
    </rPh>
    <phoneticPr fontId="2"/>
  </si>
  <si>
    <t>東牟婁・新宮版　特定商工業者登録に協力を</t>
    <rPh sb="0" eb="3">
      <t>ヒガシムロ</t>
    </rPh>
    <rPh sb="4" eb="7">
      <t>シングウバン</t>
    </rPh>
    <rPh sb="8" eb="16">
      <t>トクテイショウコウギョウシャトウロク</t>
    </rPh>
    <rPh sb="17" eb="19">
      <t>キョウリョク</t>
    </rPh>
    <phoneticPr fontId="2"/>
  </si>
  <si>
    <t>東牟婁・新宮版　手洗い励行　伝染病を防ぎましょう</t>
    <rPh sb="0" eb="3">
      <t>ヒガシムロ</t>
    </rPh>
    <rPh sb="4" eb="7">
      <t>シングウバン</t>
    </rPh>
    <rPh sb="8" eb="10">
      <t>テアラ</t>
    </rPh>
    <rPh sb="11" eb="13">
      <t>レイコウ</t>
    </rPh>
    <rPh sb="14" eb="17">
      <t>デンセンビョウ</t>
    </rPh>
    <rPh sb="18" eb="19">
      <t>フセ</t>
    </rPh>
    <phoneticPr fontId="2"/>
  </si>
  <si>
    <t>東牟婁・新宮版　活躍する母子相談員　母子生業資金　貸付額四五〇万円に達す</t>
    <rPh sb="0" eb="3">
      <t>ヒガシムロ</t>
    </rPh>
    <rPh sb="4" eb="7">
      <t>シングウバン</t>
    </rPh>
    <rPh sb="8" eb="10">
      <t>カツヤク</t>
    </rPh>
    <rPh sb="12" eb="14">
      <t>ボシ</t>
    </rPh>
    <rPh sb="14" eb="17">
      <t>ソウダンイン</t>
    </rPh>
    <rPh sb="18" eb="20">
      <t>ボシ</t>
    </rPh>
    <rPh sb="20" eb="22">
      <t>セイギョウ</t>
    </rPh>
    <rPh sb="22" eb="24">
      <t>シキン</t>
    </rPh>
    <rPh sb="25" eb="28">
      <t>カシツケガク</t>
    </rPh>
    <rPh sb="28" eb="31">
      <t>450</t>
    </rPh>
    <rPh sb="31" eb="33">
      <t>マンエン</t>
    </rPh>
    <rPh sb="34" eb="35">
      <t>タッ</t>
    </rPh>
    <phoneticPr fontId="2"/>
  </si>
  <si>
    <t>東牟婁・新宮版　造林地手入運動　自７月１日　至９月３０日</t>
    <rPh sb="0" eb="3">
      <t>ヒガシムロ</t>
    </rPh>
    <rPh sb="4" eb="7">
      <t>シングウバン</t>
    </rPh>
    <phoneticPr fontId="2"/>
  </si>
  <si>
    <t>東牟婁・新宮版　成人体力健康調査　検査期間８月１０日</t>
    <rPh sb="0" eb="3">
      <t>ヒガシムロ</t>
    </rPh>
    <rPh sb="4" eb="7">
      <t>シングウバン</t>
    </rPh>
    <phoneticPr fontId="2"/>
  </si>
  <si>
    <t>六月定例県議会の幕閉ず　追加更正予算成立　議会に行政刷新委員会を設置　監査事務局　　耕地復旧を県営で　結核保護施設　六部制　観光地にカンフル　観光施設設置奨励条例(写真　議会風景）</t>
    <rPh sb="0" eb="1">
      <t>6</t>
    </rPh>
    <rPh sb="1" eb="2">
      <t>ガツ</t>
    </rPh>
    <rPh sb="2" eb="4">
      <t>テイレイ</t>
    </rPh>
    <rPh sb="4" eb="7">
      <t>ケンギカイ</t>
    </rPh>
    <rPh sb="8" eb="9">
      <t>マク</t>
    </rPh>
    <rPh sb="9" eb="10">
      <t>ト</t>
    </rPh>
    <rPh sb="12" eb="14">
      <t>ツイカ</t>
    </rPh>
    <rPh sb="14" eb="16">
      <t>コウセイ</t>
    </rPh>
    <rPh sb="16" eb="18">
      <t>ヨサン</t>
    </rPh>
    <rPh sb="18" eb="20">
      <t>セイリツ</t>
    </rPh>
    <rPh sb="21" eb="23">
      <t>ギカイ</t>
    </rPh>
    <rPh sb="24" eb="26">
      <t>ギョウセイ</t>
    </rPh>
    <rPh sb="26" eb="28">
      <t>サッシン</t>
    </rPh>
    <rPh sb="28" eb="31">
      <t>イインカイ</t>
    </rPh>
    <rPh sb="32" eb="34">
      <t>セッチ</t>
    </rPh>
    <rPh sb="35" eb="37">
      <t>カンサ</t>
    </rPh>
    <rPh sb="37" eb="40">
      <t>ジムキョク</t>
    </rPh>
    <rPh sb="42" eb="44">
      <t>コウチ</t>
    </rPh>
    <rPh sb="44" eb="46">
      <t>フッキュウ</t>
    </rPh>
    <rPh sb="47" eb="49">
      <t>ケンエイ</t>
    </rPh>
    <rPh sb="51" eb="53">
      <t>ケッカク</t>
    </rPh>
    <rPh sb="53" eb="55">
      <t>ホゴ</t>
    </rPh>
    <rPh sb="55" eb="57">
      <t>シセツ</t>
    </rPh>
    <rPh sb="58" eb="60">
      <t>ロクブ</t>
    </rPh>
    <rPh sb="60" eb="61">
      <t>セイ</t>
    </rPh>
    <rPh sb="62" eb="65">
      <t>カンコウチ</t>
    </rPh>
    <rPh sb="71" eb="73">
      <t>カンコウ</t>
    </rPh>
    <rPh sb="73" eb="75">
      <t>シセツ</t>
    </rPh>
    <rPh sb="75" eb="77">
      <t>セッチ</t>
    </rPh>
    <rPh sb="77" eb="79">
      <t>ショウレイ</t>
    </rPh>
    <rPh sb="79" eb="81">
      <t>ジョウレイ</t>
    </rPh>
    <rPh sb="82" eb="84">
      <t>シャシン</t>
    </rPh>
    <rPh sb="85" eb="87">
      <t>ギカイ</t>
    </rPh>
    <rPh sb="87" eb="89">
      <t>フウケイ</t>
    </rPh>
    <phoneticPr fontId="2"/>
  </si>
  <si>
    <t>心からお詫びを－土木部の汚職について　知事　小野眞次</t>
    <rPh sb="0" eb="1">
      <t>ココロ</t>
    </rPh>
    <rPh sb="4" eb="5">
      <t>ワ</t>
    </rPh>
    <rPh sb="8" eb="11">
      <t>ドボクブ</t>
    </rPh>
    <rPh sb="12" eb="14">
      <t>オショク</t>
    </rPh>
    <rPh sb="19" eb="21">
      <t>チジ</t>
    </rPh>
    <rPh sb="22" eb="24">
      <t>オノ</t>
    </rPh>
    <rPh sb="24" eb="25">
      <t>マ</t>
    </rPh>
    <rPh sb="25" eb="26">
      <t>ジ</t>
    </rPh>
    <phoneticPr fontId="2"/>
  </si>
  <si>
    <t>産業開発青年隊　今年も結成さる</t>
    <rPh sb="0" eb="2">
      <t>サンギョウ</t>
    </rPh>
    <rPh sb="2" eb="4">
      <t>カイハツ</t>
    </rPh>
    <rPh sb="4" eb="7">
      <t>セイネンタイ</t>
    </rPh>
    <rPh sb="8" eb="10">
      <t>コトシ</t>
    </rPh>
    <rPh sb="11" eb="13">
      <t>ケッセイ</t>
    </rPh>
    <phoneticPr fontId="2"/>
  </si>
  <si>
    <t>県物産販売斡旋所</t>
    <rPh sb="0" eb="1">
      <t>ケン</t>
    </rPh>
    <rPh sb="1" eb="3">
      <t>ブッサン</t>
    </rPh>
    <rPh sb="3" eb="5">
      <t>ハンバイ</t>
    </rPh>
    <rPh sb="5" eb="7">
      <t>アッセン</t>
    </rPh>
    <rPh sb="7" eb="8">
      <t>ジョ</t>
    </rPh>
    <phoneticPr fontId="2"/>
  </si>
  <si>
    <t>大橋公室長帰県談　期待できる難民移民の将来（写真　デレノのキャンプ　ブドー園）</t>
    <rPh sb="0" eb="2">
      <t>オオハシ</t>
    </rPh>
    <rPh sb="2" eb="5">
      <t>コウシツチョウ</t>
    </rPh>
    <rPh sb="5" eb="7">
      <t>キケン</t>
    </rPh>
    <rPh sb="7" eb="8">
      <t>ダン</t>
    </rPh>
    <rPh sb="9" eb="11">
      <t>キタイ</t>
    </rPh>
    <rPh sb="14" eb="16">
      <t>ナンミン</t>
    </rPh>
    <rPh sb="16" eb="18">
      <t>イミン</t>
    </rPh>
    <rPh sb="19" eb="21">
      <t>ショウライ</t>
    </rPh>
    <rPh sb="22" eb="24">
      <t>シャシン</t>
    </rPh>
    <rPh sb="37" eb="38">
      <t>エン</t>
    </rPh>
    <phoneticPr fontId="2"/>
  </si>
  <si>
    <t>厳粛で簡素に　改善葬儀へ要綱を決定</t>
    <rPh sb="0" eb="2">
      <t>ゲンシュク</t>
    </rPh>
    <rPh sb="3" eb="5">
      <t>カンソ</t>
    </rPh>
    <rPh sb="7" eb="9">
      <t>カイゼン</t>
    </rPh>
    <rPh sb="9" eb="11">
      <t>ソウギ</t>
    </rPh>
    <rPh sb="12" eb="14">
      <t>ヨウコウ</t>
    </rPh>
    <rPh sb="15" eb="17">
      <t>ケッテイ</t>
    </rPh>
    <phoneticPr fontId="2"/>
  </si>
  <si>
    <t>功労者を表彰　第一回県統計大会ひらく</t>
    <rPh sb="0" eb="3">
      <t>コウロウシャ</t>
    </rPh>
    <rPh sb="4" eb="6">
      <t>ヒョウショウ</t>
    </rPh>
    <rPh sb="7" eb="8">
      <t>ダイ</t>
    </rPh>
    <rPh sb="8" eb="9">
      <t>1</t>
    </rPh>
    <rPh sb="9" eb="10">
      <t>カイ</t>
    </rPh>
    <rPh sb="10" eb="11">
      <t>ケン</t>
    </rPh>
    <rPh sb="11" eb="13">
      <t>トウケイ</t>
    </rPh>
    <rPh sb="13" eb="15">
      <t>タイカイ</t>
    </rPh>
    <phoneticPr fontId="2"/>
  </si>
  <si>
    <t>月末までに必ず受配　米の配給・翌月では駄目</t>
    <rPh sb="0" eb="2">
      <t>ゲツマツ</t>
    </rPh>
    <rPh sb="5" eb="6">
      <t>カナラ</t>
    </rPh>
    <rPh sb="7" eb="9">
      <t>ジュハイ</t>
    </rPh>
    <rPh sb="10" eb="11">
      <t>コメ</t>
    </rPh>
    <rPh sb="12" eb="14">
      <t>ハイキュウ</t>
    </rPh>
    <rPh sb="15" eb="17">
      <t>ヨクゲツ</t>
    </rPh>
    <rPh sb="19" eb="21">
      <t>ダメ</t>
    </rPh>
    <phoneticPr fontId="2"/>
  </si>
  <si>
    <t>生産増強と農家経済の安諦へ　施肥合理化対策きまる</t>
    <rPh sb="0" eb="2">
      <t>セイサン</t>
    </rPh>
    <rPh sb="2" eb="4">
      <t>ゾウキョウ</t>
    </rPh>
    <rPh sb="5" eb="7">
      <t>ノウカ</t>
    </rPh>
    <rPh sb="7" eb="9">
      <t>ケイザイ</t>
    </rPh>
    <rPh sb="10" eb="12">
      <t>アンテイ</t>
    </rPh>
    <rPh sb="14" eb="15">
      <t>シ</t>
    </rPh>
    <rPh sb="15" eb="16">
      <t>ヒ</t>
    </rPh>
    <rPh sb="16" eb="19">
      <t>ゴウリカ</t>
    </rPh>
    <rPh sb="19" eb="21">
      <t>タイサク</t>
    </rPh>
    <phoneticPr fontId="2"/>
  </si>
  <si>
    <t>第五回農業夏期大学近く開設</t>
    <rPh sb="0" eb="1">
      <t>ダイ</t>
    </rPh>
    <rPh sb="1" eb="2">
      <t>5</t>
    </rPh>
    <rPh sb="2" eb="3">
      <t>カイ</t>
    </rPh>
    <rPh sb="3" eb="5">
      <t>ノウギョウ</t>
    </rPh>
    <rPh sb="5" eb="7">
      <t>カキ</t>
    </rPh>
    <rPh sb="7" eb="9">
      <t>ダイガク</t>
    </rPh>
    <rPh sb="9" eb="10">
      <t>チカ</t>
    </rPh>
    <rPh sb="11" eb="13">
      <t>カイセツ</t>
    </rPh>
    <phoneticPr fontId="2"/>
  </si>
  <si>
    <t>月刊　わか山　４２号発売</t>
    <rPh sb="0" eb="2">
      <t>ゲッカン</t>
    </rPh>
    <rPh sb="5" eb="6">
      <t>ヤマ</t>
    </rPh>
    <rPh sb="9" eb="10">
      <t>ゴウ</t>
    </rPh>
    <rPh sb="10" eb="12">
      <t>ハツバイ</t>
    </rPh>
    <phoneticPr fontId="2"/>
  </si>
  <si>
    <t>蚊とハエ撲滅へ三年計画　発生源の除去に重点</t>
    <rPh sb="0" eb="1">
      <t>カ</t>
    </rPh>
    <rPh sb="4" eb="6">
      <t>ボクメツ</t>
    </rPh>
    <rPh sb="7" eb="8">
      <t>3</t>
    </rPh>
    <rPh sb="8" eb="9">
      <t>ネン</t>
    </rPh>
    <rPh sb="9" eb="11">
      <t>ケイカク</t>
    </rPh>
    <rPh sb="12" eb="15">
      <t>ハッセイゲン</t>
    </rPh>
    <rPh sb="16" eb="18">
      <t>ジョキョ</t>
    </rPh>
    <rPh sb="19" eb="21">
      <t>ジュウテン</t>
    </rPh>
    <phoneticPr fontId="2"/>
  </si>
  <si>
    <t>身体障害者福祉大会　盛会裡に終る</t>
    <rPh sb="0" eb="2">
      <t>シンタイ</t>
    </rPh>
    <rPh sb="2" eb="5">
      <t>ショウガイシャ</t>
    </rPh>
    <rPh sb="5" eb="7">
      <t>フクシ</t>
    </rPh>
    <rPh sb="7" eb="9">
      <t>タイカイ</t>
    </rPh>
    <rPh sb="10" eb="12">
      <t>セイカイ</t>
    </rPh>
    <rPh sb="12" eb="13">
      <t>リ</t>
    </rPh>
    <rPh sb="14" eb="15">
      <t>オワ</t>
    </rPh>
    <phoneticPr fontId="2"/>
  </si>
  <si>
    <t>お国自慢①　古刹・道成寺　日高地方事務所（写真）</t>
    <rPh sb="1" eb="2">
      <t>クニ</t>
    </rPh>
    <rPh sb="2" eb="4">
      <t>ジマン</t>
    </rPh>
    <rPh sb="6" eb="8">
      <t>コサツ</t>
    </rPh>
    <rPh sb="9" eb="12">
      <t>ドウジョウジ</t>
    </rPh>
    <rPh sb="13" eb="15">
      <t>ヒダカ</t>
    </rPh>
    <rPh sb="15" eb="17">
      <t>チホウ</t>
    </rPh>
    <rPh sb="17" eb="20">
      <t>ジムショ</t>
    </rPh>
    <rPh sb="21" eb="23">
      <t>シャシン</t>
    </rPh>
    <phoneticPr fontId="2"/>
  </si>
  <si>
    <t>国土建設週間　水防功労者と優良土木手（写真　表彰状を受ける黒柳未亡人）</t>
    <rPh sb="0" eb="2">
      <t>コクド</t>
    </rPh>
    <rPh sb="2" eb="4">
      <t>ケンセツ</t>
    </rPh>
    <rPh sb="4" eb="6">
      <t>シュウカン</t>
    </rPh>
    <rPh sb="7" eb="9">
      <t>スイボウ</t>
    </rPh>
    <rPh sb="9" eb="12">
      <t>コウロウシャ</t>
    </rPh>
    <rPh sb="13" eb="15">
      <t>ユウリョウ</t>
    </rPh>
    <rPh sb="15" eb="17">
      <t>ドボク</t>
    </rPh>
    <rPh sb="17" eb="18">
      <t>シュ</t>
    </rPh>
    <rPh sb="19" eb="21">
      <t>シャシン</t>
    </rPh>
    <rPh sb="22" eb="25">
      <t>ヒョウショウジョウ</t>
    </rPh>
    <rPh sb="26" eb="27">
      <t>ウ</t>
    </rPh>
    <rPh sb="29" eb="31">
      <t>クロヤナギ</t>
    </rPh>
    <rPh sb="31" eb="34">
      <t>ミボウジン</t>
    </rPh>
    <phoneticPr fontId="2"/>
  </si>
  <si>
    <t>自動車ナンバープレートを取替え</t>
    <rPh sb="0" eb="3">
      <t>ジドウシャ</t>
    </rPh>
    <rPh sb="12" eb="14">
      <t>トリカ</t>
    </rPh>
    <phoneticPr fontId="2"/>
  </si>
  <si>
    <t>母子家庭を明るく　就職斡旋など今年の事業計画</t>
    <rPh sb="0" eb="2">
      <t>ボシ</t>
    </rPh>
    <rPh sb="2" eb="4">
      <t>カテイ</t>
    </rPh>
    <rPh sb="5" eb="6">
      <t>アカ</t>
    </rPh>
    <rPh sb="9" eb="11">
      <t>シュウショク</t>
    </rPh>
    <rPh sb="11" eb="13">
      <t>アッセン</t>
    </rPh>
    <rPh sb="15" eb="17">
      <t>コトシ</t>
    </rPh>
    <rPh sb="18" eb="20">
      <t>ジギョウ</t>
    </rPh>
    <rPh sb="20" eb="22">
      <t>ケイカク</t>
    </rPh>
    <phoneticPr fontId="2"/>
  </si>
  <si>
    <t>みかんと柿の最後の摘果を！！</t>
    <rPh sb="4" eb="5">
      <t>カキ</t>
    </rPh>
    <rPh sb="6" eb="8">
      <t>サイゴ</t>
    </rPh>
    <rPh sb="9" eb="11">
      <t>テキカ</t>
    </rPh>
    <phoneticPr fontId="2"/>
  </si>
  <si>
    <t>日本脳炎　今年は多発の傾向</t>
    <rPh sb="0" eb="2">
      <t>ニホン</t>
    </rPh>
    <rPh sb="2" eb="4">
      <t>ノウエン</t>
    </rPh>
    <rPh sb="5" eb="7">
      <t>コトシ</t>
    </rPh>
    <rPh sb="8" eb="10">
      <t>タハツ</t>
    </rPh>
    <rPh sb="11" eb="13">
      <t>ケイコウ</t>
    </rPh>
    <phoneticPr fontId="2"/>
  </si>
  <si>
    <t>市内版　躍進する和歌山港　臨港線十月に開通　紀阿連絡５００トンが就航（写真　臨港鉄道の終着点附近。建物は県営上屋）</t>
    <rPh sb="0" eb="2">
      <t>シナイ</t>
    </rPh>
    <rPh sb="2" eb="3">
      <t>バン</t>
    </rPh>
    <rPh sb="4" eb="6">
      <t>ヤクシン</t>
    </rPh>
    <rPh sb="8" eb="12">
      <t>ワカヤマコウ</t>
    </rPh>
    <rPh sb="13" eb="16">
      <t>リンコウセン</t>
    </rPh>
    <rPh sb="16" eb="17">
      <t>10</t>
    </rPh>
    <rPh sb="17" eb="18">
      <t>ガツ</t>
    </rPh>
    <rPh sb="19" eb="21">
      <t>カイツウ</t>
    </rPh>
    <rPh sb="22" eb="23">
      <t>キ</t>
    </rPh>
    <rPh sb="23" eb="24">
      <t>ア</t>
    </rPh>
    <rPh sb="24" eb="26">
      <t>レンラク</t>
    </rPh>
    <rPh sb="32" eb="34">
      <t>シュウコウ</t>
    </rPh>
    <rPh sb="35" eb="37">
      <t>シャシン</t>
    </rPh>
    <rPh sb="38" eb="40">
      <t>リンコウ</t>
    </rPh>
    <rPh sb="40" eb="42">
      <t>テツドウ</t>
    </rPh>
    <rPh sb="43" eb="46">
      <t>シュウチャクテン</t>
    </rPh>
    <rPh sb="46" eb="48">
      <t>フキン</t>
    </rPh>
    <rPh sb="49" eb="51">
      <t>タテモノ</t>
    </rPh>
    <rPh sb="52" eb="54">
      <t>ケンエイ</t>
    </rPh>
    <rPh sb="54" eb="56">
      <t>ウワヤ</t>
    </rPh>
    <phoneticPr fontId="2"/>
  </si>
  <si>
    <t>市内版　住宅対策資料の調査　一日から七日間</t>
    <rPh sb="0" eb="2">
      <t>シナイ</t>
    </rPh>
    <rPh sb="2" eb="3">
      <t>バン</t>
    </rPh>
    <rPh sb="4" eb="6">
      <t>ジュウタク</t>
    </rPh>
    <rPh sb="6" eb="8">
      <t>タイサク</t>
    </rPh>
    <rPh sb="8" eb="10">
      <t>シリョウ</t>
    </rPh>
    <rPh sb="11" eb="13">
      <t>チョウサ</t>
    </rPh>
    <rPh sb="14" eb="15">
      <t>1</t>
    </rPh>
    <rPh sb="15" eb="16">
      <t>ヒ</t>
    </rPh>
    <rPh sb="18" eb="19">
      <t>7</t>
    </rPh>
    <rPh sb="19" eb="20">
      <t>ヒ</t>
    </rPh>
    <rPh sb="20" eb="21">
      <t>カン</t>
    </rPh>
    <phoneticPr fontId="2"/>
  </si>
  <si>
    <t>市内版　医大看護婦さんがナイチンゲール金庫　貧しい患者に愛の手</t>
    <rPh sb="0" eb="2">
      <t>シナイ</t>
    </rPh>
    <rPh sb="2" eb="3">
      <t>バン</t>
    </rPh>
    <rPh sb="4" eb="6">
      <t>イダイ</t>
    </rPh>
    <rPh sb="6" eb="9">
      <t>カンゴフ</t>
    </rPh>
    <rPh sb="19" eb="21">
      <t>キンコ</t>
    </rPh>
    <rPh sb="22" eb="23">
      <t>マズ</t>
    </rPh>
    <rPh sb="25" eb="27">
      <t>カンジャ</t>
    </rPh>
    <rPh sb="28" eb="29">
      <t>アイ</t>
    </rPh>
    <rPh sb="30" eb="31">
      <t>テ</t>
    </rPh>
    <phoneticPr fontId="2"/>
  </si>
  <si>
    <t>市内版　新生活のつどい　貯蓄推進のつどい　新生活運動映画　マジックショー等多彩など多彩な演芸（写真　市民会館）</t>
    <rPh sb="0" eb="2">
      <t>シナイ</t>
    </rPh>
    <rPh sb="2" eb="3">
      <t>バン</t>
    </rPh>
    <rPh sb="4" eb="7">
      <t>シンセイカツ</t>
    </rPh>
    <rPh sb="12" eb="14">
      <t>チョチク</t>
    </rPh>
    <rPh sb="14" eb="16">
      <t>スイシン</t>
    </rPh>
    <rPh sb="21" eb="24">
      <t>シンセイカツ</t>
    </rPh>
    <rPh sb="24" eb="26">
      <t>ウンドウ</t>
    </rPh>
    <rPh sb="26" eb="28">
      <t>エイガ</t>
    </rPh>
    <rPh sb="36" eb="37">
      <t>ナド</t>
    </rPh>
    <rPh sb="37" eb="39">
      <t>タサイ</t>
    </rPh>
    <rPh sb="41" eb="43">
      <t>タサイ</t>
    </rPh>
    <rPh sb="44" eb="46">
      <t>エンゲイ</t>
    </rPh>
    <rPh sb="47" eb="49">
      <t>シャシン</t>
    </rPh>
    <rPh sb="50" eb="52">
      <t>シミン</t>
    </rPh>
    <rPh sb="52" eb="54">
      <t>カイカン</t>
    </rPh>
    <phoneticPr fontId="2"/>
  </si>
  <si>
    <t>市内版　在ソ同胞に慰問品を！</t>
    <rPh sb="0" eb="2">
      <t>シナイ</t>
    </rPh>
    <rPh sb="2" eb="3">
      <t>バン</t>
    </rPh>
    <rPh sb="4" eb="5">
      <t>ザイ</t>
    </rPh>
    <rPh sb="6" eb="8">
      <t>ドウホウ</t>
    </rPh>
    <rPh sb="9" eb="11">
      <t>イモン</t>
    </rPh>
    <rPh sb="11" eb="12">
      <t>ヒン</t>
    </rPh>
    <phoneticPr fontId="2"/>
  </si>
  <si>
    <t>市内版　規則正しい生活を　学童の夏休みに望む</t>
    <rPh sb="0" eb="2">
      <t>シナイ</t>
    </rPh>
    <rPh sb="2" eb="3">
      <t>バン</t>
    </rPh>
    <rPh sb="4" eb="6">
      <t>キソク</t>
    </rPh>
    <rPh sb="6" eb="7">
      <t>タダ</t>
    </rPh>
    <rPh sb="9" eb="11">
      <t>セイカツ</t>
    </rPh>
    <rPh sb="13" eb="15">
      <t>ガクドウ</t>
    </rPh>
    <rPh sb="16" eb="18">
      <t>ナツヤス</t>
    </rPh>
    <rPh sb="20" eb="21">
      <t>ノゾ</t>
    </rPh>
    <phoneticPr fontId="2"/>
  </si>
  <si>
    <t>市内版　防犯運動　自７月２０日　至８月３１日</t>
    <rPh sb="0" eb="2">
      <t>シナイ</t>
    </rPh>
    <rPh sb="2" eb="3">
      <t>バン</t>
    </rPh>
    <rPh sb="4" eb="6">
      <t>ボウハン</t>
    </rPh>
    <rPh sb="6" eb="8">
      <t>ウンドウ</t>
    </rPh>
    <rPh sb="9" eb="10">
      <t>ジ</t>
    </rPh>
    <rPh sb="11" eb="12">
      <t>ガツ</t>
    </rPh>
    <rPh sb="14" eb="15">
      <t>ヒ</t>
    </rPh>
    <rPh sb="16" eb="17">
      <t>イタ</t>
    </rPh>
    <rPh sb="18" eb="19">
      <t>ガツ</t>
    </rPh>
    <rPh sb="21" eb="22">
      <t>ニチ</t>
    </rPh>
    <phoneticPr fontId="2"/>
  </si>
  <si>
    <t>市内版　検察審査会制度</t>
    <rPh sb="0" eb="2">
      <t>シナイ</t>
    </rPh>
    <rPh sb="2" eb="3">
      <t>バン</t>
    </rPh>
    <rPh sb="4" eb="6">
      <t>ケンサツ</t>
    </rPh>
    <rPh sb="6" eb="9">
      <t>シンサカイ</t>
    </rPh>
    <rPh sb="9" eb="11">
      <t>セイド</t>
    </rPh>
    <phoneticPr fontId="2"/>
  </si>
  <si>
    <t>海草・海南版　ハエと蚊計画的に駆除　活躍する加茂婦人会（写真　青年団員とともに駆除に活躍する加茂婦人会員）</t>
    <rPh sb="0" eb="2">
      <t>カイソウ</t>
    </rPh>
    <rPh sb="3" eb="5">
      <t>カイナン</t>
    </rPh>
    <rPh sb="5" eb="6">
      <t>バン</t>
    </rPh>
    <rPh sb="10" eb="11">
      <t>カ</t>
    </rPh>
    <rPh sb="11" eb="14">
      <t>ケイカクテキ</t>
    </rPh>
    <rPh sb="15" eb="17">
      <t>クジョ</t>
    </rPh>
    <rPh sb="18" eb="20">
      <t>カツヤク</t>
    </rPh>
    <rPh sb="22" eb="24">
      <t>カモ</t>
    </rPh>
    <rPh sb="24" eb="26">
      <t>フジン</t>
    </rPh>
    <rPh sb="26" eb="27">
      <t>カイ</t>
    </rPh>
    <rPh sb="28" eb="30">
      <t>シャシン</t>
    </rPh>
    <rPh sb="31" eb="33">
      <t>セイネン</t>
    </rPh>
    <rPh sb="33" eb="35">
      <t>ダンイン</t>
    </rPh>
    <rPh sb="39" eb="41">
      <t>クジョ</t>
    </rPh>
    <rPh sb="42" eb="44">
      <t>カツヤク</t>
    </rPh>
    <rPh sb="46" eb="48">
      <t>カモ</t>
    </rPh>
    <rPh sb="48" eb="50">
      <t>フジン</t>
    </rPh>
    <rPh sb="50" eb="52">
      <t>カイイン</t>
    </rPh>
    <phoneticPr fontId="2"/>
  </si>
  <si>
    <t>海草・海南版　卵貯金で生活改善　－海南市　みどり友の会＝</t>
    <rPh sb="0" eb="2">
      <t>カイソウ</t>
    </rPh>
    <rPh sb="3" eb="5">
      <t>カイナン</t>
    </rPh>
    <rPh sb="5" eb="6">
      <t>バン</t>
    </rPh>
    <rPh sb="7" eb="8">
      <t>タマゴ</t>
    </rPh>
    <rPh sb="8" eb="10">
      <t>チョキン</t>
    </rPh>
    <rPh sb="11" eb="13">
      <t>セイカツ</t>
    </rPh>
    <rPh sb="13" eb="15">
      <t>カイゼン</t>
    </rPh>
    <rPh sb="17" eb="20">
      <t>カイナンシ</t>
    </rPh>
    <rPh sb="24" eb="25">
      <t>トモ</t>
    </rPh>
    <rPh sb="26" eb="27">
      <t>カイ</t>
    </rPh>
    <phoneticPr fontId="2"/>
  </si>
  <si>
    <t>海草・海南版　北米移民　石戸さんから第一便</t>
    <rPh sb="0" eb="2">
      <t>カイソウ</t>
    </rPh>
    <rPh sb="3" eb="5">
      <t>カイナン</t>
    </rPh>
    <rPh sb="5" eb="6">
      <t>バン</t>
    </rPh>
    <rPh sb="7" eb="9">
      <t>ホクベイ</t>
    </rPh>
    <rPh sb="9" eb="11">
      <t>イミン</t>
    </rPh>
    <rPh sb="12" eb="13">
      <t>イシ</t>
    </rPh>
    <rPh sb="13" eb="14">
      <t>ト</t>
    </rPh>
    <rPh sb="18" eb="19">
      <t>ダイ</t>
    </rPh>
    <rPh sb="19" eb="20">
      <t>1</t>
    </rPh>
    <rPh sb="20" eb="21">
      <t>ビン</t>
    </rPh>
    <phoneticPr fontId="2"/>
  </si>
  <si>
    <t>海草・海南版　二里ヶ浜で臨界施設　楽しい子どもクラブ（写真　砂浜で元気に相撲する子どもクラブ員）</t>
    <rPh sb="0" eb="2">
      <t>カイソウ</t>
    </rPh>
    <rPh sb="3" eb="5">
      <t>カイナン</t>
    </rPh>
    <rPh sb="5" eb="6">
      <t>バン</t>
    </rPh>
    <rPh sb="7" eb="11">
      <t>ニリガハマ</t>
    </rPh>
    <rPh sb="12" eb="14">
      <t>リンカイ</t>
    </rPh>
    <rPh sb="14" eb="16">
      <t>シセツ</t>
    </rPh>
    <rPh sb="17" eb="18">
      <t>タノ</t>
    </rPh>
    <rPh sb="20" eb="21">
      <t>コ</t>
    </rPh>
    <rPh sb="27" eb="29">
      <t>シャシン</t>
    </rPh>
    <rPh sb="30" eb="32">
      <t>スナハマ</t>
    </rPh>
    <rPh sb="33" eb="35">
      <t>ゲンキ</t>
    </rPh>
    <rPh sb="36" eb="38">
      <t>スモウ</t>
    </rPh>
    <rPh sb="40" eb="41">
      <t>コ</t>
    </rPh>
    <rPh sb="46" eb="47">
      <t>イン</t>
    </rPh>
    <phoneticPr fontId="2"/>
  </si>
  <si>
    <t>海草・海南版　人事異動</t>
    <rPh sb="0" eb="2">
      <t>カイソウ</t>
    </rPh>
    <rPh sb="3" eb="5">
      <t>カイナン</t>
    </rPh>
    <rPh sb="5" eb="6">
      <t>バン</t>
    </rPh>
    <rPh sb="7" eb="9">
      <t>ジンジ</t>
    </rPh>
    <rPh sb="9" eb="11">
      <t>イドウ</t>
    </rPh>
    <phoneticPr fontId="2"/>
  </si>
  <si>
    <t>海草・海南版　災害救助に万全　状況の正確と迅速に重点</t>
    <rPh sb="0" eb="2">
      <t>カイソウ</t>
    </rPh>
    <rPh sb="3" eb="5">
      <t>カイナン</t>
    </rPh>
    <rPh sb="5" eb="6">
      <t>バン</t>
    </rPh>
    <rPh sb="7" eb="9">
      <t>サイガイ</t>
    </rPh>
    <rPh sb="9" eb="11">
      <t>キュウジョ</t>
    </rPh>
    <rPh sb="12" eb="14">
      <t>バンゼン</t>
    </rPh>
    <rPh sb="15" eb="17">
      <t>ジョウキョウ</t>
    </rPh>
    <rPh sb="18" eb="20">
      <t>セイカク</t>
    </rPh>
    <rPh sb="21" eb="23">
      <t>ジンソク</t>
    </rPh>
    <rPh sb="24" eb="26">
      <t>ジュウテン</t>
    </rPh>
    <phoneticPr fontId="2"/>
  </si>
  <si>
    <t>海草・海南版　超スピードで谷口橋　五反田橋（美里）も完成（写真　完成した美里町の谷口橋）</t>
    <rPh sb="0" eb="2">
      <t>カイソウ</t>
    </rPh>
    <rPh sb="3" eb="5">
      <t>カイナン</t>
    </rPh>
    <rPh sb="5" eb="6">
      <t>バン</t>
    </rPh>
    <rPh sb="7" eb="8">
      <t>チョウ</t>
    </rPh>
    <rPh sb="13" eb="15">
      <t>タニグチ</t>
    </rPh>
    <rPh sb="15" eb="16">
      <t>ハシ</t>
    </rPh>
    <rPh sb="17" eb="20">
      <t>ゴタンダ</t>
    </rPh>
    <rPh sb="20" eb="21">
      <t>バシ</t>
    </rPh>
    <rPh sb="22" eb="24">
      <t>ミサト</t>
    </rPh>
    <rPh sb="26" eb="28">
      <t>カンセイ</t>
    </rPh>
    <rPh sb="29" eb="31">
      <t>シャシン</t>
    </rPh>
    <rPh sb="32" eb="34">
      <t>カンセイ</t>
    </rPh>
    <rPh sb="36" eb="39">
      <t>ミサトチョウ</t>
    </rPh>
    <rPh sb="40" eb="42">
      <t>タニグチ</t>
    </rPh>
    <rPh sb="42" eb="43">
      <t>バシ</t>
    </rPh>
    <phoneticPr fontId="2"/>
  </si>
  <si>
    <t>海草・海南版　規則正しい生活を　学童の夏休みに望む</t>
    <rPh sb="0" eb="2">
      <t>カイソウ</t>
    </rPh>
    <rPh sb="3" eb="5">
      <t>カイナン</t>
    </rPh>
    <rPh sb="5" eb="6">
      <t>バン</t>
    </rPh>
    <rPh sb="7" eb="9">
      <t>キソク</t>
    </rPh>
    <rPh sb="9" eb="10">
      <t>タダ</t>
    </rPh>
    <rPh sb="12" eb="14">
      <t>セイカツ</t>
    </rPh>
    <rPh sb="16" eb="18">
      <t>ガクドウ</t>
    </rPh>
    <rPh sb="19" eb="21">
      <t>ナツヤス</t>
    </rPh>
    <rPh sb="23" eb="24">
      <t>ノゾ</t>
    </rPh>
    <phoneticPr fontId="2"/>
  </si>
  <si>
    <t>海草・海南版　新町村に金庫を！　下津で早くも設置計画</t>
    <rPh sb="0" eb="2">
      <t>カイソウ</t>
    </rPh>
    <rPh sb="3" eb="5">
      <t>カイナン</t>
    </rPh>
    <rPh sb="5" eb="6">
      <t>バン</t>
    </rPh>
    <rPh sb="7" eb="8">
      <t>シン</t>
    </rPh>
    <rPh sb="8" eb="10">
      <t>チョウソン</t>
    </rPh>
    <rPh sb="11" eb="13">
      <t>キンコ</t>
    </rPh>
    <rPh sb="16" eb="18">
      <t>シモツ</t>
    </rPh>
    <rPh sb="19" eb="20">
      <t>ハヤ</t>
    </rPh>
    <rPh sb="22" eb="24">
      <t>セッチ</t>
    </rPh>
    <rPh sb="24" eb="26">
      <t>ケイカク</t>
    </rPh>
    <phoneticPr fontId="2"/>
  </si>
  <si>
    <t>海草・海南版　美里町　初代町長に向林氏</t>
    <rPh sb="0" eb="2">
      <t>カイソウ</t>
    </rPh>
    <rPh sb="3" eb="5">
      <t>カイナン</t>
    </rPh>
    <rPh sb="5" eb="6">
      <t>バン</t>
    </rPh>
    <rPh sb="7" eb="10">
      <t>ミサトチョウ</t>
    </rPh>
    <rPh sb="11" eb="13">
      <t>ショダイ</t>
    </rPh>
    <rPh sb="13" eb="15">
      <t>チョウチョウ</t>
    </rPh>
    <rPh sb="16" eb="18">
      <t>ムカイバヤシ</t>
    </rPh>
    <rPh sb="18" eb="19">
      <t>シ</t>
    </rPh>
    <phoneticPr fontId="2"/>
  </si>
  <si>
    <t>海草・海南版　ぞくぞく復旧　野上谷の公共建物</t>
    <rPh sb="0" eb="2">
      <t>カイソウ</t>
    </rPh>
    <rPh sb="3" eb="5">
      <t>カイナン</t>
    </rPh>
    <rPh sb="5" eb="6">
      <t>バン</t>
    </rPh>
    <rPh sb="11" eb="13">
      <t>フッキュウ</t>
    </rPh>
    <rPh sb="14" eb="16">
      <t>ノカミ</t>
    </rPh>
    <rPh sb="16" eb="17">
      <t>タニ</t>
    </rPh>
    <rPh sb="18" eb="20">
      <t>コウキョウ</t>
    </rPh>
    <rPh sb="20" eb="22">
      <t>タテモノ</t>
    </rPh>
    <phoneticPr fontId="2"/>
  </si>
  <si>
    <t>海草・海南版　防犯運動　自７月２０日　至８月３１日</t>
    <rPh sb="0" eb="2">
      <t>カイソウ</t>
    </rPh>
    <rPh sb="3" eb="5">
      <t>カイナン</t>
    </rPh>
    <rPh sb="5" eb="6">
      <t>バン</t>
    </rPh>
    <phoneticPr fontId="2"/>
  </si>
  <si>
    <t>海草・海南版　検察審査会制度</t>
    <rPh sb="0" eb="2">
      <t>カイソウ</t>
    </rPh>
    <rPh sb="3" eb="5">
      <t>カイナン</t>
    </rPh>
    <rPh sb="5" eb="6">
      <t>バン</t>
    </rPh>
    <phoneticPr fontId="2"/>
  </si>
  <si>
    <t>那賀版　龍門橋　待望の竣工式　粉河町（写真　竣工した龍門橋）</t>
    <rPh sb="0" eb="2">
      <t>ナガ</t>
    </rPh>
    <rPh sb="2" eb="3">
      <t>バン</t>
    </rPh>
    <rPh sb="4" eb="5">
      <t>リュウ</t>
    </rPh>
    <rPh sb="5" eb="6">
      <t>モン</t>
    </rPh>
    <rPh sb="6" eb="7">
      <t>バシ</t>
    </rPh>
    <rPh sb="8" eb="10">
      <t>タイボウ</t>
    </rPh>
    <rPh sb="11" eb="14">
      <t>シュンコウシキ</t>
    </rPh>
    <rPh sb="15" eb="18">
      <t>コカワチョウ</t>
    </rPh>
    <rPh sb="19" eb="21">
      <t>シャシン</t>
    </rPh>
    <rPh sb="22" eb="24">
      <t>シュンコウ</t>
    </rPh>
    <rPh sb="26" eb="29">
      <t>リュウモンバシ</t>
    </rPh>
    <phoneticPr fontId="2"/>
  </si>
  <si>
    <t>那賀版　十年の努力結実　軌道にのった開拓地の営農</t>
    <rPh sb="0" eb="2">
      <t>ナガ</t>
    </rPh>
    <rPh sb="2" eb="3">
      <t>バン</t>
    </rPh>
    <rPh sb="4" eb="5">
      <t>10</t>
    </rPh>
    <rPh sb="5" eb="6">
      <t>ネン</t>
    </rPh>
    <rPh sb="7" eb="9">
      <t>ドリョク</t>
    </rPh>
    <rPh sb="9" eb="11">
      <t>ケツジツ</t>
    </rPh>
    <rPh sb="12" eb="14">
      <t>キドウ</t>
    </rPh>
    <rPh sb="18" eb="21">
      <t>カイタクチ</t>
    </rPh>
    <rPh sb="22" eb="24">
      <t>エイノウ</t>
    </rPh>
    <phoneticPr fontId="2"/>
  </si>
  <si>
    <t>那賀版　那賀町長に井関氏</t>
    <rPh sb="0" eb="2">
      <t>ナガ</t>
    </rPh>
    <rPh sb="2" eb="3">
      <t>バン</t>
    </rPh>
    <rPh sb="4" eb="6">
      <t>ナガ</t>
    </rPh>
    <rPh sb="6" eb="8">
      <t>チョウチョウ</t>
    </rPh>
    <rPh sb="9" eb="12">
      <t>イセキシ</t>
    </rPh>
    <phoneticPr fontId="2"/>
  </si>
  <si>
    <t>那賀版　共同防除を徹底　タマネギのベト病対策</t>
    <rPh sb="0" eb="2">
      <t>ナガ</t>
    </rPh>
    <rPh sb="2" eb="3">
      <t>バン</t>
    </rPh>
    <rPh sb="4" eb="6">
      <t>キョウドウ</t>
    </rPh>
    <rPh sb="6" eb="8">
      <t>ボウジョ</t>
    </rPh>
    <rPh sb="9" eb="11">
      <t>テッテイ</t>
    </rPh>
    <rPh sb="19" eb="20">
      <t>ビョウ</t>
    </rPh>
    <rPh sb="20" eb="22">
      <t>タイサク</t>
    </rPh>
    <phoneticPr fontId="2"/>
  </si>
  <si>
    <t>那賀版　推進方針を討議</t>
    <rPh sb="0" eb="2">
      <t>ナガ</t>
    </rPh>
    <rPh sb="2" eb="3">
      <t>バン</t>
    </rPh>
    <rPh sb="4" eb="6">
      <t>スイシン</t>
    </rPh>
    <rPh sb="6" eb="8">
      <t>ホウシン</t>
    </rPh>
    <rPh sb="9" eb="11">
      <t>トウギ</t>
    </rPh>
    <phoneticPr fontId="2"/>
  </si>
  <si>
    <t>那賀版　郡民の声　精神薄弱者の救済を</t>
    <rPh sb="0" eb="2">
      <t>ナガ</t>
    </rPh>
    <rPh sb="2" eb="3">
      <t>バン</t>
    </rPh>
    <rPh sb="4" eb="6">
      <t>グンミン</t>
    </rPh>
    <rPh sb="7" eb="8">
      <t>コエ</t>
    </rPh>
    <rPh sb="9" eb="11">
      <t>セイシン</t>
    </rPh>
    <rPh sb="11" eb="13">
      <t>ハクジャク</t>
    </rPh>
    <rPh sb="13" eb="14">
      <t>シャ</t>
    </rPh>
    <rPh sb="15" eb="17">
      <t>キュウサイ</t>
    </rPh>
    <phoneticPr fontId="2"/>
  </si>
  <si>
    <t>那賀版　貴志川　頭首工完成で生命の水溢る　三日間で田植修了（写真　完成し湧水中の貴志川頭首工）</t>
    <rPh sb="0" eb="2">
      <t>ナガ</t>
    </rPh>
    <rPh sb="2" eb="3">
      <t>バン</t>
    </rPh>
    <rPh sb="4" eb="7">
      <t>キシガワ</t>
    </rPh>
    <rPh sb="8" eb="11">
      <t>トウシュコウ</t>
    </rPh>
    <rPh sb="11" eb="13">
      <t>カンセイ</t>
    </rPh>
    <rPh sb="14" eb="16">
      <t>セイメイ</t>
    </rPh>
    <rPh sb="17" eb="18">
      <t>ミズ</t>
    </rPh>
    <rPh sb="18" eb="19">
      <t>アフ</t>
    </rPh>
    <rPh sb="21" eb="24">
      <t>ミッカカン</t>
    </rPh>
    <rPh sb="25" eb="27">
      <t>タウエ</t>
    </rPh>
    <rPh sb="27" eb="29">
      <t>シュウリョウ</t>
    </rPh>
    <rPh sb="30" eb="32">
      <t>シャシン</t>
    </rPh>
    <rPh sb="33" eb="35">
      <t>カンセイ</t>
    </rPh>
    <rPh sb="36" eb="38">
      <t>ユウスイ</t>
    </rPh>
    <rPh sb="38" eb="39">
      <t>チュウ</t>
    </rPh>
    <rPh sb="40" eb="43">
      <t>キシガワ</t>
    </rPh>
    <rPh sb="43" eb="46">
      <t>トウシュコウ</t>
    </rPh>
    <phoneticPr fontId="2"/>
  </si>
  <si>
    <t>那賀版　人事異動</t>
    <rPh sb="0" eb="2">
      <t>ナガ</t>
    </rPh>
    <rPh sb="2" eb="3">
      <t>バン</t>
    </rPh>
    <rPh sb="4" eb="8">
      <t>ジンジイドウ</t>
    </rPh>
    <phoneticPr fontId="2"/>
  </si>
  <si>
    <t>那賀版　在ソ同胞に慰問品を！</t>
    <rPh sb="0" eb="2">
      <t>ナガ</t>
    </rPh>
    <rPh sb="2" eb="3">
      <t>バン</t>
    </rPh>
    <rPh sb="4" eb="5">
      <t>ザイ</t>
    </rPh>
    <rPh sb="6" eb="8">
      <t>ドウホウ</t>
    </rPh>
    <rPh sb="9" eb="11">
      <t>イモン</t>
    </rPh>
    <rPh sb="11" eb="12">
      <t>ヒン</t>
    </rPh>
    <phoneticPr fontId="2"/>
  </si>
  <si>
    <t>那賀版　防犯運動　自７月２０日　至８月３１日</t>
    <rPh sb="0" eb="2">
      <t>ナガ</t>
    </rPh>
    <rPh sb="2" eb="3">
      <t>バン</t>
    </rPh>
    <phoneticPr fontId="2"/>
  </si>
  <si>
    <t>那賀版　検察審査会制度</t>
    <rPh sb="0" eb="2">
      <t>ナガ</t>
    </rPh>
    <rPh sb="2" eb="3">
      <t>バン</t>
    </rPh>
    <phoneticPr fontId="2"/>
  </si>
  <si>
    <t>伊都・橋本版　新生活運動　夏の健康強調月間</t>
    <rPh sb="0" eb="2">
      <t>イト</t>
    </rPh>
    <rPh sb="3" eb="6">
      <t>ハシモトバン</t>
    </rPh>
    <rPh sb="7" eb="10">
      <t>シンセイカツ</t>
    </rPh>
    <rPh sb="10" eb="12">
      <t>ウンドウ</t>
    </rPh>
    <rPh sb="13" eb="14">
      <t>ナツ</t>
    </rPh>
    <rPh sb="15" eb="17">
      <t>ケンコウ</t>
    </rPh>
    <rPh sb="17" eb="21">
      <t>キョウチョウゲッカン</t>
    </rPh>
    <phoneticPr fontId="2"/>
  </si>
  <si>
    <t>伊都・橋本版　市政を記念して　十五日から紀の川祭（写真　仕掛け花火）</t>
    <rPh sb="0" eb="2">
      <t>イト</t>
    </rPh>
    <rPh sb="3" eb="6">
      <t>ハシモトバン</t>
    </rPh>
    <rPh sb="7" eb="9">
      <t>シセイ</t>
    </rPh>
    <rPh sb="10" eb="12">
      <t>キネン</t>
    </rPh>
    <rPh sb="15" eb="17">
      <t>15</t>
    </rPh>
    <rPh sb="17" eb="18">
      <t>ニチ</t>
    </rPh>
    <rPh sb="20" eb="21">
      <t>キ</t>
    </rPh>
    <rPh sb="22" eb="23">
      <t>カワ</t>
    </rPh>
    <rPh sb="23" eb="24">
      <t>マツリ</t>
    </rPh>
    <rPh sb="25" eb="27">
      <t>シャシン</t>
    </rPh>
    <rPh sb="28" eb="30">
      <t>シカ</t>
    </rPh>
    <rPh sb="31" eb="33">
      <t>ハナビ</t>
    </rPh>
    <phoneticPr fontId="2"/>
  </si>
  <si>
    <t>伊都・橋本版　新町村めぐり　特殊企業の町＝高野口町の巻＝（写真　森田町長）</t>
    <rPh sb="0" eb="2">
      <t>イト</t>
    </rPh>
    <rPh sb="3" eb="6">
      <t>ハシモトバン</t>
    </rPh>
    <rPh sb="7" eb="8">
      <t>シン</t>
    </rPh>
    <rPh sb="8" eb="10">
      <t>チョウソン</t>
    </rPh>
    <rPh sb="14" eb="16">
      <t>トクシュ</t>
    </rPh>
    <rPh sb="16" eb="18">
      <t>キギョウ</t>
    </rPh>
    <rPh sb="19" eb="20">
      <t>マチ</t>
    </rPh>
    <rPh sb="21" eb="25">
      <t>コウヤグチチョウ</t>
    </rPh>
    <rPh sb="26" eb="27">
      <t>マキ</t>
    </rPh>
    <rPh sb="29" eb="31">
      <t>シャシン</t>
    </rPh>
    <rPh sb="32" eb="34">
      <t>モリタ</t>
    </rPh>
    <rPh sb="34" eb="36">
      <t>チョウチョウ</t>
    </rPh>
    <phoneticPr fontId="2"/>
  </si>
  <si>
    <t>伊都・橋本版　孫を背に登校　内田さんの努力続く</t>
    <rPh sb="0" eb="2">
      <t>イト</t>
    </rPh>
    <rPh sb="3" eb="6">
      <t>ハシモトバン</t>
    </rPh>
    <rPh sb="7" eb="8">
      <t>マゴ</t>
    </rPh>
    <rPh sb="9" eb="10">
      <t>セ</t>
    </rPh>
    <rPh sb="11" eb="13">
      <t>トウコウ</t>
    </rPh>
    <rPh sb="14" eb="16">
      <t>ウチダ</t>
    </rPh>
    <rPh sb="19" eb="21">
      <t>ドリョク</t>
    </rPh>
    <rPh sb="21" eb="22">
      <t>ツヅ</t>
    </rPh>
    <phoneticPr fontId="2"/>
  </si>
  <si>
    <t>伊都・橋本版　緬羊お輿入れ　衣の自給へ一役買う（写真　高野口家畜市場に着いた緬羊の第一弾）</t>
    <rPh sb="0" eb="2">
      <t>イト</t>
    </rPh>
    <rPh sb="3" eb="6">
      <t>ハシモトバン</t>
    </rPh>
    <rPh sb="7" eb="9">
      <t>メンヨウ</t>
    </rPh>
    <rPh sb="10" eb="12">
      <t>コシイ</t>
    </rPh>
    <rPh sb="14" eb="15">
      <t>コロモ</t>
    </rPh>
    <rPh sb="16" eb="18">
      <t>ジキュウ</t>
    </rPh>
    <rPh sb="19" eb="21">
      <t>ヒトヤク</t>
    </rPh>
    <rPh sb="21" eb="22">
      <t>カ</t>
    </rPh>
    <rPh sb="24" eb="26">
      <t>シャシン</t>
    </rPh>
    <rPh sb="27" eb="30">
      <t>コウヤグチ</t>
    </rPh>
    <rPh sb="30" eb="32">
      <t>カチク</t>
    </rPh>
    <rPh sb="32" eb="34">
      <t>イチバ</t>
    </rPh>
    <rPh sb="35" eb="36">
      <t>ツ</t>
    </rPh>
    <rPh sb="38" eb="40">
      <t>メンヨウ</t>
    </rPh>
    <rPh sb="41" eb="42">
      <t>ダイ</t>
    </rPh>
    <rPh sb="42" eb="43">
      <t>1</t>
    </rPh>
    <rPh sb="43" eb="44">
      <t>ダン</t>
    </rPh>
    <phoneticPr fontId="2"/>
  </si>
  <si>
    <t>伊都・橋本版　人事異動</t>
    <rPh sb="0" eb="2">
      <t>イト</t>
    </rPh>
    <rPh sb="3" eb="6">
      <t>ハシモトバン</t>
    </rPh>
    <rPh sb="7" eb="11">
      <t>ジンジイドウ</t>
    </rPh>
    <phoneticPr fontId="2"/>
  </si>
  <si>
    <t>伊都・橋本版　在ソ同胞に慰問品を！</t>
    <rPh sb="0" eb="2">
      <t>イト</t>
    </rPh>
    <rPh sb="3" eb="6">
      <t>ハシモトバン</t>
    </rPh>
    <phoneticPr fontId="2"/>
  </si>
  <si>
    <t>伊都・橋本版　夏休みの注意</t>
    <rPh sb="0" eb="2">
      <t>イト</t>
    </rPh>
    <rPh sb="3" eb="6">
      <t>ハシモトバン</t>
    </rPh>
    <rPh sb="7" eb="9">
      <t>ナツヤス</t>
    </rPh>
    <rPh sb="11" eb="13">
      <t>チュウイ</t>
    </rPh>
    <phoneticPr fontId="2"/>
  </si>
  <si>
    <t>伊都・橋本版　防犯運動　自７月２０日　至８月３１日</t>
    <rPh sb="0" eb="2">
      <t>イト</t>
    </rPh>
    <rPh sb="3" eb="6">
      <t>ハシモトバン</t>
    </rPh>
    <phoneticPr fontId="2"/>
  </si>
  <si>
    <t>伊都・橋本版　検察審査会制度</t>
    <rPh sb="0" eb="2">
      <t>イト</t>
    </rPh>
    <rPh sb="3" eb="6">
      <t>ハシモトバン</t>
    </rPh>
    <phoneticPr fontId="2"/>
  </si>
  <si>
    <t>有田版　ハエと蚊撲滅運動を展開</t>
    <rPh sb="0" eb="3">
      <t>アリダバン</t>
    </rPh>
    <rPh sb="7" eb="8">
      <t>カ</t>
    </rPh>
    <rPh sb="8" eb="10">
      <t>ボクメツ</t>
    </rPh>
    <rPh sb="10" eb="12">
      <t>ウンドウ</t>
    </rPh>
    <rPh sb="13" eb="15">
      <t>テンカイ</t>
    </rPh>
    <phoneticPr fontId="2"/>
  </si>
  <si>
    <t>有田版　写真　山は招く！！　県立公園生石高原</t>
    <rPh sb="0" eb="3">
      <t>アリダバン</t>
    </rPh>
    <rPh sb="4" eb="6">
      <t>シャシン</t>
    </rPh>
    <rPh sb="7" eb="8">
      <t>ヤマ</t>
    </rPh>
    <rPh sb="9" eb="10">
      <t>マネ</t>
    </rPh>
    <rPh sb="14" eb="16">
      <t>ケンリツ</t>
    </rPh>
    <rPh sb="16" eb="18">
      <t>コウエン</t>
    </rPh>
    <rPh sb="18" eb="22">
      <t>オイシコウゲン</t>
    </rPh>
    <phoneticPr fontId="2"/>
  </si>
  <si>
    <t>有田版　在ソ同胞に慰問品を！</t>
    <rPh sb="0" eb="3">
      <t>アリダバン</t>
    </rPh>
    <phoneticPr fontId="2"/>
  </si>
  <si>
    <t>有田版　会議は定刻に　みんなで時間の励行を</t>
    <rPh sb="0" eb="3">
      <t>アリダバン</t>
    </rPh>
    <rPh sb="4" eb="6">
      <t>カイギ</t>
    </rPh>
    <rPh sb="7" eb="9">
      <t>テイコク</t>
    </rPh>
    <rPh sb="15" eb="17">
      <t>ジカン</t>
    </rPh>
    <rPh sb="18" eb="20">
      <t>レイコウ</t>
    </rPh>
    <phoneticPr fontId="2"/>
  </si>
  <si>
    <t>有田版　重要文化財めぐり（４）　浄妙寺（写真　須弥壇の一部））　</t>
    <rPh sb="0" eb="3">
      <t>アリダバン</t>
    </rPh>
    <rPh sb="4" eb="9">
      <t>ジュウヨウブンカザイ</t>
    </rPh>
    <rPh sb="16" eb="17">
      <t>ジョウ</t>
    </rPh>
    <rPh sb="17" eb="18">
      <t>ミョウ</t>
    </rPh>
    <rPh sb="18" eb="19">
      <t>ジ</t>
    </rPh>
    <rPh sb="20" eb="22">
      <t>シャシン</t>
    </rPh>
    <rPh sb="23" eb="26">
      <t>シュミダン</t>
    </rPh>
    <rPh sb="27" eb="29">
      <t>イチブ</t>
    </rPh>
    <phoneticPr fontId="2"/>
  </si>
  <si>
    <t>有田版　人事異動</t>
    <rPh sb="0" eb="3">
      <t>アリダバン</t>
    </rPh>
    <rPh sb="4" eb="6">
      <t>ジンジ</t>
    </rPh>
    <rPh sb="6" eb="8">
      <t>イドウ</t>
    </rPh>
    <phoneticPr fontId="2"/>
  </si>
  <si>
    <t>有田版　新生活短編劇映画「心の晴着」　糸我で発表会（写真　映画の一場面）</t>
    <rPh sb="0" eb="3">
      <t>アリダバン</t>
    </rPh>
    <rPh sb="4" eb="7">
      <t>シンセイカツ</t>
    </rPh>
    <rPh sb="7" eb="9">
      <t>タンペン</t>
    </rPh>
    <rPh sb="9" eb="10">
      <t>ゲキ</t>
    </rPh>
    <rPh sb="10" eb="12">
      <t>エイガ</t>
    </rPh>
    <rPh sb="13" eb="14">
      <t>ココロ</t>
    </rPh>
    <rPh sb="15" eb="17">
      <t>ハレギ</t>
    </rPh>
    <rPh sb="19" eb="21">
      <t>イトガ</t>
    </rPh>
    <rPh sb="22" eb="25">
      <t>ハッピョウカイ</t>
    </rPh>
    <rPh sb="26" eb="28">
      <t>シャシン</t>
    </rPh>
    <rPh sb="29" eb="31">
      <t>エイガ</t>
    </rPh>
    <rPh sb="32" eb="33">
      <t>イチ</t>
    </rPh>
    <rPh sb="33" eb="35">
      <t>バメン</t>
    </rPh>
    <phoneticPr fontId="2"/>
  </si>
  <si>
    <t>有田版　火薬類の取扱は厳重に</t>
    <rPh sb="0" eb="3">
      <t>アリダバン</t>
    </rPh>
    <rPh sb="4" eb="6">
      <t>カヤク</t>
    </rPh>
    <rPh sb="6" eb="7">
      <t>ルイ</t>
    </rPh>
    <rPh sb="8" eb="10">
      <t>トリアツカイ</t>
    </rPh>
    <rPh sb="11" eb="13">
      <t>ゲンジュウ</t>
    </rPh>
    <phoneticPr fontId="2"/>
  </si>
  <si>
    <t>有田版　中元の贈答廃止</t>
    <rPh sb="0" eb="3">
      <t>アリダバン</t>
    </rPh>
    <rPh sb="4" eb="6">
      <t>チュウゲン</t>
    </rPh>
    <rPh sb="7" eb="9">
      <t>ゾウトウ</t>
    </rPh>
    <rPh sb="9" eb="11">
      <t>ハイシ</t>
    </rPh>
    <phoneticPr fontId="2"/>
  </si>
  <si>
    <t>有田版　林業だより</t>
    <rPh sb="0" eb="3">
      <t>アリダバン</t>
    </rPh>
    <rPh sb="4" eb="6">
      <t>リンギョウ</t>
    </rPh>
    <phoneticPr fontId="2"/>
  </si>
  <si>
    <t>有田版　夏休みの注意</t>
    <rPh sb="0" eb="3">
      <t>アリダバン</t>
    </rPh>
    <rPh sb="4" eb="6">
      <t>ナツヤス</t>
    </rPh>
    <rPh sb="8" eb="10">
      <t>チュウイ</t>
    </rPh>
    <phoneticPr fontId="2"/>
  </si>
  <si>
    <t>有田版　柑橘園八月の行事</t>
    <rPh sb="0" eb="3">
      <t>アリダバン</t>
    </rPh>
    <rPh sb="4" eb="6">
      <t>カンキツ</t>
    </rPh>
    <rPh sb="6" eb="7">
      <t>エン</t>
    </rPh>
    <rPh sb="7" eb="8">
      <t>8</t>
    </rPh>
    <rPh sb="8" eb="9">
      <t>ガツ</t>
    </rPh>
    <rPh sb="10" eb="12">
      <t>ギョウジ</t>
    </rPh>
    <phoneticPr fontId="2"/>
  </si>
  <si>
    <t>有田版　防犯運動　自７月２０日　至８月３１日</t>
    <rPh sb="0" eb="3">
      <t>アリダバン</t>
    </rPh>
    <phoneticPr fontId="2"/>
  </si>
  <si>
    <t>有田版　検察審査会制度</t>
    <rPh sb="0" eb="3">
      <t>アリダバン</t>
    </rPh>
    <phoneticPr fontId="2"/>
  </si>
  <si>
    <t>日高・御坊版　新生活運動軌道に乗る</t>
    <rPh sb="0" eb="2">
      <t>ヒダカ</t>
    </rPh>
    <rPh sb="3" eb="5">
      <t>ゴボウ</t>
    </rPh>
    <rPh sb="5" eb="6">
      <t>バン</t>
    </rPh>
    <rPh sb="7" eb="10">
      <t>シンセイカツ</t>
    </rPh>
    <rPh sb="10" eb="12">
      <t>ウンドウ</t>
    </rPh>
    <rPh sb="12" eb="14">
      <t>キドウ</t>
    </rPh>
    <rPh sb="15" eb="16">
      <t>ノ</t>
    </rPh>
    <phoneticPr fontId="2"/>
  </si>
  <si>
    <t>日高・御坊版　開拓団発展的解体　営農促進へ協同組合を組織</t>
    <rPh sb="0" eb="2">
      <t>ヒダカ</t>
    </rPh>
    <rPh sb="3" eb="5">
      <t>ゴボウ</t>
    </rPh>
    <rPh sb="5" eb="6">
      <t>バン</t>
    </rPh>
    <rPh sb="7" eb="10">
      <t>カイタクダン</t>
    </rPh>
    <rPh sb="10" eb="13">
      <t>ハッテンテキ</t>
    </rPh>
    <rPh sb="13" eb="15">
      <t>カイタイ</t>
    </rPh>
    <rPh sb="16" eb="18">
      <t>エイノウ</t>
    </rPh>
    <rPh sb="18" eb="20">
      <t>ソクシン</t>
    </rPh>
    <rPh sb="21" eb="23">
      <t>キョウドウ</t>
    </rPh>
    <rPh sb="23" eb="25">
      <t>クミアイ</t>
    </rPh>
    <rPh sb="26" eb="28">
      <t>ソシキ</t>
    </rPh>
    <phoneticPr fontId="2"/>
  </si>
  <si>
    <t>日高・御坊版　竣工近い天田橋　通行は九月中旬の予定（写真）</t>
    <rPh sb="0" eb="2">
      <t>ヒダカ</t>
    </rPh>
    <rPh sb="3" eb="5">
      <t>ゴボウ</t>
    </rPh>
    <rPh sb="5" eb="6">
      <t>バン</t>
    </rPh>
    <rPh sb="7" eb="9">
      <t>シュンコウ</t>
    </rPh>
    <rPh sb="9" eb="10">
      <t>チカ</t>
    </rPh>
    <rPh sb="11" eb="13">
      <t>アマタ</t>
    </rPh>
    <rPh sb="13" eb="14">
      <t>バシ</t>
    </rPh>
    <rPh sb="15" eb="17">
      <t>ツウコウ</t>
    </rPh>
    <rPh sb="18" eb="19">
      <t>9</t>
    </rPh>
    <rPh sb="19" eb="20">
      <t>ガツ</t>
    </rPh>
    <rPh sb="20" eb="22">
      <t>チュウジュン</t>
    </rPh>
    <rPh sb="23" eb="25">
      <t>ヨテイ</t>
    </rPh>
    <rPh sb="26" eb="28">
      <t>シャシン</t>
    </rPh>
    <phoneticPr fontId="2"/>
  </si>
  <si>
    <t>日高・御坊版　夏休みの注意</t>
    <rPh sb="0" eb="2">
      <t>ヒダカ</t>
    </rPh>
    <rPh sb="3" eb="5">
      <t>ゴボウ</t>
    </rPh>
    <rPh sb="5" eb="6">
      <t>バン</t>
    </rPh>
    <rPh sb="7" eb="9">
      <t>ナツヤス</t>
    </rPh>
    <rPh sb="11" eb="13">
      <t>チュウイ</t>
    </rPh>
    <phoneticPr fontId="2"/>
  </si>
  <si>
    <t>日高・御坊版　川辺町　水稲と柑橘の共進会　栽培技術の向上期し</t>
    <rPh sb="0" eb="2">
      <t>ヒダカ</t>
    </rPh>
    <rPh sb="3" eb="5">
      <t>ゴボウ</t>
    </rPh>
    <rPh sb="5" eb="6">
      <t>バン</t>
    </rPh>
    <rPh sb="7" eb="10">
      <t>カワベチョウ</t>
    </rPh>
    <rPh sb="11" eb="13">
      <t>ミズイネ</t>
    </rPh>
    <rPh sb="14" eb="16">
      <t>カンキツ</t>
    </rPh>
    <rPh sb="17" eb="20">
      <t>キョウシンカイ</t>
    </rPh>
    <rPh sb="21" eb="23">
      <t>サイバイ</t>
    </rPh>
    <rPh sb="23" eb="25">
      <t>ギジュツ</t>
    </rPh>
    <rPh sb="26" eb="28">
      <t>コウジョウ</t>
    </rPh>
    <rPh sb="28" eb="29">
      <t>キ</t>
    </rPh>
    <phoneticPr fontId="2"/>
  </si>
  <si>
    <t>日高・御坊版　友の会連絡会議　日高町志賀支所で開催</t>
    <rPh sb="0" eb="2">
      <t>ヒダカ</t>
    </rPh>
    <rPh sb="3" eb="5">
      <t>ゴボウ</t>
    </rPh>
    <rPh sb="5" eb="6">
      <t>バン</t>
    </rPh>
    <rPh sb="7" eb="8">
      <t>トモ</t>
    </rPh>
    <rPh sb="9" eb="10">
      <t>カイ</t>
    </rPh>
    <rPh sb="10" eb="12">
      <t>レンラク</t>
    </rPh>
    <rPh sb="12" eb="14">
      <t>カイギ</t>
    </rPh>
    <rPh sb="15" eb="18">
      <t>ヒダカチョウ</t>
    </rPh>
    <rPh sb="18" eb="20">
      <t>シガ</t>
    </rPh>
    <rPh sb="20" eb="22">
      <t>シショ</t>
    </rPh>
    <rPh sb="23" eb="25">
      <t>カイサイ</t>
    </rPh>
    <phoneticPr fontId="2"/>
  </si>
  <si>
    <t>日高・御坊版　上田次長急逝　日高地方事務所</t>
    <rPh sb="0" eb="2">
      <t>ヒダカ</t>
    </rPh>
    <rPh sb="3" eb="5">
      <t>ゴボウ</t>
    </rPh>
    <rPh sb="5" eb="6">
      <t>バン</t>
    </rPh>
    <rPh sb="7" eb="9">
      <t>ウエダ</t>
    </rPh>
    <rPh sb="9" eb="11">
      <t>ジチョウ</t>
    </rPh>
    <rPh sb="11" eb="13">
      <t>キュウセイ</t>
    </rPh>
    <rPh sb="14" eb="16">
      <t>ヒダカ</t>
    </rPh>
    <rPh sb="16" eb="18">
      <t>チホウ</t>
    </rPh>
    <rPh sb="18" eb="21">
      <t>ジムショ</t>
    </rPh>
    <phoneticPr fontId="2"/>
  </si>
  <si>
    <t>日高・御坊版　岩代小学校校舎の改築　第一期工事完成　（写真　完成した岩代小学校）</t>
    <rPh sb="0" eb="2">
      <t>ヒダカ</t>
    </rPh>
    <rPh sb="3" eb="5">
      <t>ゴボウ</t>
    </rPh>
    <rPh sb="5" eb="6">
      <t>バン</t>
    </rPh>
    <rPh sb="7" eb="9">
      <t>イワシロ</t>
    </rPh>
    <rPh sb="9" eb="12">
      <t>ショウガッコウ</t>
    </rPh>
    <rPh sb="12" eb="14">
      <t>コウシャ</t>
    </rPh>
    <rPh sb="15" eb="17">
      <t>カイチク</t>
    </rPh>
    <rPh sb="18" eb="19">
      <t>ダイ</t>
    </rPh>
    <rPh sb="19" eb="21">
      <t>イッキ</t>
    </rPh>
    <rPh sb="21" eb="23">
      <t>コウジ</t>
    </rPh>
    <rPh sb="23" eb="25">
      <t>カンセイ</t>
    </rPh>
    <rPh sb="27" eb="29">
      <t>シャシン</t>
    </rPh>
    <rPh sb="30" eb="32">
      <t>カンセイ</t>
    </rPh>
    <rPh sb="34" eb="36">
      <t>イワシロ</t>
    </rPh>
    <rPh sb="36" eb="39">
      <t>ショウガッコウ</t>
    </rPh>
    <phoneticPr fontId="2"/>
  </si>
  <si>
    <t>日高・御坊版　在ソ同胞に慰問品を！</t>
    <rPh sb="0" eb="2">
      <t>ヒダカ</t>
    </rPh>
    <rPh sb="3" eb="5">
      <t>ゴボウ</t>
    </rPh>
    <rPh sb="5" eb="6">
      <t>バン</t>
    </rPh>
    <phoneticPr fontId="2"/>
  </si>
  <si>
    <t>日高・御坊版　人事異動</t>
    <rPh sb="0" eb="2">
      <t>ヒダカ</t>
    </rPh>
    <rPh sb="3" eb="5">
      <t>ゴボウ</t>
    </rPh>
    <rPh sb="5" eb="6">
      <t>バン</t>
    </rPh>
    <rPh sb="7" eb="11">
      <t>ジンジイドウ</t>
    </rPh>
    <phoneticPr fontId="2"/>
  </si>
  <si>
    <t>日高・御坊版　犬の登録と注射　狂犬病予防へ再度実施</t>
    <rPh sb="0" eb="2">
      <t>ヒダカ</t>
    </rPh>
    <rPh sb="3" eb="5">
      <t>ゴボウ</t>
    </rPh>
    <rPh sb="5" eb="6">
      <t>バン</t>
    </rPh>
    <rPh sb="7" eb="8">
      <t>イヌ</t>
    </rPh>
    <rPh sb="9" eb="11">
      <t>トウロク</t>
    </rPh>
    <rPh sb="12" eb="14">
      <t>チュウシャ</t>
    </rPh>
    <rPh sb="15" eb="18">
      <t>キョウケンビョウ</t>
    </rPh>
    <rPh sb="18" eb="20">
      <t>ヨボウ</t>
    </rPh>
    <rPh sb="21" eb="23">
      <t>サイド</t>
    </rPh>
    <rPh sb="23" eb="25">
      <t>ジッシ</t>
    </rPh>
    <phoneticPr fontId="2"/>
  </si>
  <si>
    <t>日高・御坊版　人命救助講習会</t>
    <rPh sb="0" eb="2">
      <t>ヒダカ</t>
    </rPh>
    <rPh sb="3" eb="5">
      <t>ゴボウ</t>
    </rPh>
    <rPh sb="5" eb="6">
      <t>バン</t>
    </rPh>
    <rPh sb="7" eb="9">
      <t>ジンメイ</t>
    </rPh>
    <rPh sb="9" eb="11">
      <t>キュウジョ</t>
    </rPh>
    <rPh sb="11" eb="14">
      <t>コウシュウカイ</t>
    </rPh>
    <phoneticPr fontId="2"/>
  </si>
  <si>
    <t>日高・御坊版　防犯運動　自７月２０日　至８月３１日</t>
    <rPh sb="0" eb="2">
      <t>ヒダカ</t>
    </rPh>
    <rPh sb="3" eb="5">
      <t>ゴボウ</t>
    </rPh>
    <rPh sb="5" eb="6">
      <t>バン</t>
    </rPh>
    <phoneticPr fontId="2"/>
  </si>
  <si>
    <t>日高・御坊版　検察審査会制度</t>
    <rPh sb="0" eb="2">
      <t>ヒダカ</t>
    </rPh>
    <rPh sb="3" eb="5">
      <t>ゴボウ</t>
    </rPh>
    <rPh sb="5" eb="6">
      <t>バン</t>
    </rPh>
    <phoneticPr fontId="2"/>
  </si>
  <si>
    <t>西牟婁・田辺版　大串本町へ躍進　新町長、町議もきまる　初代町長に川端氏</t>
    <rPh sb="0" eb="3">
      <t>ニシムロ</t>
    </rPh>
    <rPh sb="4" eb="6">
      <t>タナベ</t>
    </rPh>
    <rPh sb="6" eb="7">
      <t>バン</t>
    </rPh>
    <rPh sb="8" eb="9">
      <t>ダイ</t>
    </rPh>
    <rPh sb="9" eb="12">
      <t>クシモトチョウ</t>
    </rPh>
    <rPh sb="13" eb="15">
      <t>ヤクシン</t>
    </rPh>
    <rPh sb="16" eb="19">
      <t>シンチョウチョウ</t>
    </rPh>
    <rPh sb="20" eb="22">
      <t>チョウギ</t>
    </rPh>
    <rPh sb="27" eb="29">
      <t>ショダイ</t>
    </rPh>
    <rPh sb="29" eb="31">
      <t>チョウチョウ</t>
    </rPh>
    <rPh sb="32" eb="34">
      <t>カワバタ</t>
    </rPh>
    <rPh sb="34" eb="35">
      <t>シ</t>
    </rPh>
    <phoneticPr fontId="2"/>
  </si>
  <si>
    <t>西牟婁・田辺版　田辺市秋津で葬祭改善　簡素化に重点　田辺市秋津で葬祭改善</t>
    <rPh sb="0" eb="3">
      <t>ニシムロ</t>
    </rPh>
    <rPh sb="4" eb="6">
      <t>タナベ</t>
    </rPh>
    <rPh sb="6" eb="7">
      <t>バン</t>
    </rPh>
    <rPh sb="8" eb="11">
      <t>タナベシ</t>
    </rPh>
    <rPh sb="11" eb="13">
      <t>アキヅ</t>
    </rPh>
    <rPh sb="14" eb="16">
      <t>ソウサイ</t>
    </rPh>
    <rPh sb="16" eb="18">
      <t>カイゼン</t>
    </rPh>
    <rPh sb="19" eb="22">
      <t>カンソカ</t>
    </rPh>
    <rPh sb="23" eb="25">
      <t>ジュウテン</t>
    </rPh>
    <rPh sb="26" eb="29">
      <t>タナベシ</t>
    </rPh>
    <rPh sb="29" eb="31">
      <t>アキヅ</t>
    </rPh>
    <rPh sb="32" eb="34">
      <t>ソウサイ</t>
    </rPh>
    <rPh sb="34" eb="36">
      <t>カイゼン</t>
    </rPh>
    <phoneticPr fontId="2"/>
  </si>
  <si>
    <t>西牟婁・田辺版　出生死亡ともに減る　田辺保健所管内人口動態</t>
    <rPh sb="0" eb="3">
      <t>ニシムロ</t>
    </rPh>
    <rPh sb="4" eb="6">
      <t>タナベ</t>
    </rPh>
    <rPh sb="6" eb="7">
      <t>バン</t>
    </rPh>
    <rPh sb="8" eb="10">
      <t>シュッセイ</t>
    </rPh>
    <rPh sb="10" eb="12">
      <t>シボウ</t>
    </rPh>
    <rPh sb="15" eb="16">
      <t>ヘ</t>
    </rPh>
    <rPh sb="18" eb="20">
      <t>タナベ</t>
    </rPh>
    <rPh sb="20" eb="23">
      <t>ホケンジョ</t>
    </rPh>
    <rPh sb="23" eb="25">
      <t>カンナイ</t>
    </rPh>
    <rPh sb="25" eb="27">
      <t>ジンコウ</t>
    </rPh>
    <rPh sb="27" eb="29">
      <t>ドウタイ</t>
    </rPh>
    <phoneticPr fontId="2"/>
  </si>
  <si>
    <t>西牟婁・田辺版　人事異動</t>
    <rPh sb="0" eb="3">
      <t>ニシムロ</t>
    </rPh>
    <rPh sb="4" eb="6">
      <t>タナベ</t>
    </rPh>
    <rPh sb="6" eb="7">
      <t>バン</t>
    </rPh>
    <rPh sb="8" eb="10">
      <t>ジンジ</t>
    </rPh>
    <rPh sb="10" eb="12">
      <t>イドウ</t>
    </rPh>
    <phoneticPr fontId="2"/>
  </si>
  <si>
    <t>西牟婁・田辺版　年間七八八件　激増する火薬類の使用</t>
    <rPh sb="0" eb="3">
      <t>ニシムロ</t>
    </rPh>
    <rPh sb="4" eb="6">
      <t>タナベ</t>
    </rPh>
    <rPh sb="6" eb="7">
      <t>バン</t>
    </rPh>
    <rPh sb="8" eb="10">
      <t>ネンカン</t>
    </rPh>
    <rPh sb="10" eb="13">
      <t>788</t>
    </rPh>
    <rPh sb="13" eb="14">
      <t>ケン</t>
    </rPh>
    <rPh sb="15" eb="17">
      <t>ゲキゾウ</t>
    </rPh>
    <rPh sb="19" eb="22">
      <t>カヤクルイ</t>
    </rPh>
    <rPh sb="23" eb="25">
      <t>シヨウ</t>
    </rPh>
    <phoneticPr fontId="2"/>
  </si>
  <si>
    <t>西牟婁・田辺版　広報組織を新設　災害救助対策きまる</t>
    <rPh sb="0" eb="3">
      <t>ニシムロ</t>
    </rPh>
    <rPh sb="4" eb="6">
      <t>タナベ</t>
    </rPh>
    <rPh sb="6" eb="7">
      <t>バン</t>
    </rPh>
    <rPh sb="8" eb="10">
      <t>コウホウ</t>
    </rPh>
    <rPh sb="10" eb="12">
      <t>ソシキ</t>
    </rPh>
    <rPh sb="13" eb="15">
      <t>シンセツ</t>
    </rPh>
    <rPh sb="16" eb="18">
      <t>サイガイ</t>
    </rPh>
    <rPh sb="18" eb="20">
      <t>キュウジョ</t>
    </rPh>
    <rPh sb="20" eb="22">
      <t>タイサク</t>
    </rPh>
    <phoneticPr fontId="2"/>
  </si>
  <si>
    <t>西牟婁・田辺版　第二吊橋完成　工事すすむ安川林道</t>
    <rPh sb="0" eb="3">
      <t>ニシムロ</t>
    </rPh>
    <rPh sb="4" eb="6">
      <t>タナベ</t>
    </rPh>
    <rPh sb="6" eb="7">
      <t>バン</t>
    </rPh>
    <rPh sb="8" eb="9">
      <t>ダイ</t>
    </rPh>
    <rPh sb="9" eb="10">
      <t>2</t>
    </rPh>
    <rPh sb="10" eb="12">
      <t>ツリバシ</t>
    </rPh>
    <rPh sb="12" eb="14">
      <t>カンセイ</t>
    </rPh>
    <rPh sb="15" eb="17">
      <t>コウジ</t>
    </rPh>
    <rPh sb="20" eb="22">
      <t>ヤスカワ</t>
    </rPh>
    <rPh sb="22" eb="24">
      <t>リンドウ</t>
    </rPh>
    <phoneticPr fontId="2"/>
  </si>
  <si>
    <t>西牟婁・田辺版　瀧の口林道第１期工事終る（写真　完成した滝の口橋附近へ早くも運び出される木材）</t>
    <rPh sb="0" eb="3">
      <t>ニシムロ</t>
    </rPh>
    <rPh sb="4" eb="6">
      <t>タナベ</t>
    </rPh>
    <rPh sb="6" eb="7">
      <t>バン</t>
    </rPh>
    <rPh sb="8" eb="9">
      <t>タキ</t>
    </rPh>
    <rPh sb="10" eb="11">
      <t>クチ</t>
    </rPh>
    <rPh sb="11" eb="13">
      <t>リンドウ</t>
    </rPh>
    <rPh sb="13" eb="14">
      <t>ダイ</t>
    </rPh>
    <rPh sb="15" eb="16">
      <t>キ</t>
    </rPh>
    <rPh sb="16" eb="18">
      <t>コウジ</t>
    </rPh>
    <rPh sb="18" eb="19">
      <t>オワ</t>
    </rPh>
    <rPh sb="21" eb="23">
      <t>シャシン</t>
    </rPh>
    <rPh sb="24" eb="26">
      <t>カンセイ</t>
    </rPh>
    <rPh sb="28" eb="29">
      <t>タキ</t>
    </rPh>
    <rPh sb="30" eb="31">
      <t>クチ</t>
    </rPh>
    <rPh sb="31" eb="32">
      <t>ハシ</t>
    </rPh>
    <rPh sb="32" eb="34">
      <t>フキン</t>
    </rPh>
    <rPh sb="35" eb="36">
      <t>ハヤ</t>
    </rPh>
    <rPh sb="38" eb="39">
      <t>ハコ</t>
    </rPh>
    <rPh sb="40" eb="41">
      <t>ダ</t>
    </rPh>
    <rPh sb="44" eb="46">
      <t>モクザイ</t>
    </rPh>
    <phoneticPr fontId="2"/>
  </si>
  <si>
    <t>西牟婁・田辺版　在ソ同胞に慰問品を！</t>
    <rPh sb="0" eb="3">
      <t>ニシムロ</t>
    </rPh>
    <rPh sb="4" eb="6">
      <t>タナベ</t>
    </rPh>
    <rPh sb="6" eb="7">
      <t>バン</t>
    </rPh>
    <phoneticPr fontId="2"/>
  </si>
  <si>
    <t>西牟婁・田辺版　パラチオン剤の取扱い</t>
    <rPh sb="0" eb="3">
      <t>ニシムロ</t>
    </rPh>
    <rPh sb="4" eb="6">
      <t>タナベ</t>
    </rPh>
    <rPh sb="6" eb="7">
      <t>バン</t>
    </rPh>
    <rPh sb="13" eb="14">
      <t>ザイ</t>
    </rPh>
    <rPh sb="15" eb="16">
      <t>ト</t>
    </rPh>
    <rPh sb="16" eb="17">
      <t>アツカ</t>
    </rPh>
    <phoneticPr fontId="2"/>
  </si>
  <si>
    <t>西牟婁・田辺版　防犯運動　自７月２０日　至８月３１日</t>
    <rPh sb="0" eb="3">
      <t>ニシムロ</t>
    </rPh>
    <rPh sb="4" eb="6">
      <t>タナベ</t>
    </rPh>
    <rPh sb="6" eb="7">
      <t>バン</t>
    </rPh>
    <phoneticPr fontId="2"/>
  </si>
  <si>
    <t>西牟婁・田辺版　検察審査会制度</t>
    <rPh sb="0" eb="3">
      <t>ニシムロ</t>
    </rPh>
    <rPh sb="4" eb="6">
      <t>タナベ</t>
    </rPh>
    <rPh sb="6" eb="7">
      <t>バン</t>
    </rPh>
    <phoneticPr fontId="2"/>
  </si>
  <si>
    <t>東牟婁・新宮版　古座川流域緑化事業近く完成</t>
    <rPh sb="0" eb="3">
      <t>ヒガシムロ</t>
    </rPh>
    <rPh sb="4" eb="6">
      <t>シングウ</t>
    </rPh>
    <rPh sb="6" eb="7">
      <t>バン</t>
    </rPh>
    <rPh sb="8" eb="11">
      <t>コザガワ</t>
    </rPh>
    <rPh sb="11" eb="13">
      <t>リュウイキ</t>
    </rPh>
    <rPh sb="13" eb="15">
      <t>リョッカ</t>
    </rPh>
    <rPh sb="15" eb="17">
      <t>ジギョウ</t>
    </rPh>
    <rPh sb="17" eb="18">
      <t>チカ</t>
    </rPh>
    <rPh sb="19" eb="21">
      <t>カンセイ</t>
    </rPh>
    <phoneticPr fontId="2"/>
  </si>
  <si>
    <t>東牟婁・新宮版　町村めぐり　四村</t>
    <rPh sb="0" eb="3">
      <t>ヒガシムロ</t>
    </rPh>
    <rPh sb="4" eb="6">
      <t>シングウ</t>
    </rPh>
    <rPh sb="6" eb="7">
      <t>バン</t>
    </rPh>
    <rPh sb="8" eb="10">
      <t>チョウソン</t>
    </rPh>
    <rPh sb="14" eb="15">
      <t>4</t>
    </rPh>
    <rPh sb="15" eb="16">
      <t>ムラ</t>
    </rPh>
    <phoneticPr fontId="2"/>
  </si>
  <si>
    <t>東牟婁・新宮版　四村農協婦人部の活躍　西部長談</t>
    <rPh sb="0" eb="3">
      <t>ヒガシムロ</t>
    </rPh>
    <rPh sb="4" eb="6">
      <t>シングウ</t>
    </rPh>
    <rPh sb="6" eb="7">
      <t>バン</t>
    </rPh>
    <rPh sb="8" eb="9">
      <t>4</t>
    </rPh>
    <rPh sb="9" eb="10">
      <t>ムラ</t>
    </rPh>
    <rPh sb="10" eb="12">
      <t>ノウキョウ</t>
    </rPh>
    <rPh sb="12" eb="15">
      <t>フジンブ</t>
    </rPh>
    <rPh sb="16" eb="18">
      <t>カツヤク</t>
    </rPh>
    <rPh sb="19" eb="20">
      <t>ニシ</t>
    </rPh>
    <rPh sb="20" eb="22">
      <t>ブチョウ</t>
    </rPh>
    <rPh sb="22" eb="23">
      <t>ダン</t>
    </rPh>
    <phoneticPr fontId="2"/>
  </si>
  <si>
    <t>東牟婁・新宮版　第一期工事竣工　三尾川の佐本川林道</t>
    <rPh sb="0" eb="3">
      <t>ヒガシムロ</t>
    </rPh>
    <rPh sb="4" eb="6">
      <t>シングウ</t>
    </rPh>
    <rPh sb="6" eb="7">
      <t>バン</t>
    </rPh>
    <rPh sb="8" eb="9">
      <t>ダイ</t>
    </rPh>
    <rPh sb="9" eb="10">
      <t>1</t>
    </rPh>
    <rPh sb="10" eb="11">
      <t>キ</t>
    </rPh>
    <rPh sb="11" eb="13">
      <t>コウジ</t>
    </rPh>
    <rPh sb="13" eb="15">
      <t>シュンコウ</t>
    </rPh>
    <rPh sb="16" eb="18">
      <t>ミオ</t>
    </rPh>
    <rPh sb="18" eb="19">
      <t>カワ</t>
    </rPh>
    <rPh sb="20" eb="22">
      <t>サモト</t>
    </rPh>
    <rPh sb="22" eb="23">
      <t>カワ</t>
    </rPh>
    <rPh sb="23" eb="25">
      <t>リンドウ</t>
    </rPh>
    <phoneticPr fontId="2"/>
  </si>
  <si>
    <t>東牟婁・新宮版　早植え水稲成績良好（写真　真夏の日差しを浴びて早くも穂を出した水稲）</t>
    <rPh sb="0" eb="3">
      <t>ヒガシムロ</t>
    </rPh>
    <rPh sb="4" eb="6">
      <t>シングウ</t>
    </rPh>
    <rPh sb="6" eb="7">
      <t>バン</t>
    </rPh>
    <rPh sb="8" eb="9">
      <t>ハヤ</t>
    </rPh>
    <rPh sb="9" eb="10">
      <t>ウ</t>
    </rPh>
    <rPh sb="11" eb="13">
      <t>ミズイネ</t>
    </rPh>
    <rPh sb="13" eb="15">
      <t>セイセキ</t>
    </rPh>
    <rPh sb="15" eb="17">
      <t>リョウコウ</t>
    </rPh>
    <rPh sb="18" eb="20">
      <t>シャシン</t>
    </rPh>
    <rPh sb="21" eb="23">
      <t>マナツ</t>
    </rPh>
    <rPh sb="24" eb="26">
      <t>ヒザ</t>
    </rPh>
    <rPh sb="28" eb="29">
      <t>ア</t>
    </rPh>
    <rPh sb="31" eb="32">
      <t>ハヤ</t>
    </rPh>
    <rPh sb="34" eb="35">
      <t>ホ</t>
    </rPh>
    <rPh sb="36" eb="37">
      <t>ダ</t>
    </rPh>
    <rPh sb="39" eb="41">
      <t>ミズイネ</t>
    </rPh>
    <phoneticPr fontId="2"/>
  </si>
  <si>
    <t>東牟婁・新宮版　新宮市新丹鶴町　舗装完成（写真　舗装された新丹鶴町）</t>
    <rPh sb="0" eb="3">
      <t>ヒガシムロ</t>
    </rPh>
    <rPh sb="4" eb="6">
      <t>シングウ</t>
    </rPh>
    <rPh sb="6" eb="7">
      <t>バン</t>
    </rPh>
    <rPh sb="8" eb="11">
      <t>シングウシ</t>
    </rPh>
    <rPh sb="11" eb="12">
      <t>シン</t>
    </rPh>
    <rPh sb="12" eb="13">
      <t>タン</t>
    </rPh>
    <rPh sb="13" eb="14">
      <t>ツル</t>
    </rPh>
    <rPh sb="14" eb="15">
      <t>チョウ</t>
    </rPh>
    <rPh sb="16" eb="18">
      <t>ホソウ</t>
    </rPh>
    <rPh sb="18" eb="20">
      <t>カンセイ</t>
    </rPh>
    <rPh sb="21" eb="23">
      <t>シャシン</t>
    </rPh>
    <rPh sb="24" eb="26">
      <t>ホソウ</t>
    </rPh>
    <rPh sb="29" eb="30">
      <t>シン</t>
    </rPh>
    <rPh sb="30" eb="31">
      <t>タン</t>
    </rPh>
    <rPh sb="31" eb="32">
      <t>ツル</t>
    </rPh>
    <rPh sb="32" eb="33">
      <t>チョウ</t>
    </rPh>
    <phoneticPr fontId="2"/>
  </si>
  <si>
    <t>東牟婁・新宮版　部落実践会に重点　新生活運動本年度の方針</t>
    <rPh sb="0" eb="3">
      <t>ヒガシムロ</t>
    </rPh>
    <rPh sb="4" eb="6">
      <t>シングウ</t>
    </rPh>
    <rPh sb="6" eb="7">
      <t>バン</t>
    </rPh>
    <rPh sb="8" eb="10">
      <t>ブラク</t>
    </rPh>
    <rPh sb="10" eb="13">
      <t>ジッセンカイ</t>
    </rPh>
    <rPh sb="14" eb="16">
      <t>ジュウテン</t>
    </rPh>
    <rPh sb="17" eb="20">
      <t>シンセイカツ</t>
    </rPh>
    <rPh sb="20" eb="22">
      <t>ウンドウ</t>
    </rPh>
    <rPh sb="22" eb="25">
      <t>ホンネンド</t>
    </rPh>
    <rPh sb="26" eb="28">
      <t>ホウシン</t>
    </rPh>
    <phoneticPr fontId="2"/>
  </si>
  <si>
    <t>東牟婁・新宮版　医療社会事業係の仕事</t>
    <rPh sb="0" eb="3">
      <t>ヒガシムロ</t>
    </rPh>
    <rPh sb="4" eb="6">
      <t>シングウ</t>
    </rPh>
    <rPh sb="6" eb="7">
      <t>バン</t>
    </rPh>
    <rPh sb="8" eb="10">
      <t>イリョウ</t>
    </rPh>
    <rPh sb="10" eb="12">
      <t>シャカイ</t>
    </rPh>
    <rPh sb="12" eb="14">
      <t>ジギョウ</t>
    </rPh>
    <rPh sb="14" eb="15">
      <t>カカリ</t>
    </rPh>
    <rPh sb="16" eb="18">
      <t>シゴト</t>
    </rPh>
    <phoneticPr fontId="2"/>
  </si>
  <si>
    <t>東牟婁・新宮版　名物・田かき競牛（写真）</t>
    <rPh sb="0" eb="3">
      <t>ヒガシムロ</t>
    </rPh>
    <rPh sb="4" eb="6">
      <t>シングウ</t>
    </rPh>
    <rPh sb="6" eb="7">
      <t>バン</t>
    </rPh>
    <rPh sb="8" eb="10">
      <t>メイブツ</t>
    </rPh>
    <rPh sb="11" eb="12">
      <t>タ</t>
    </rPh>
    <rPh sb="14" eb="15">
      <t>キョウ</t>
    </rPh>
    <rPh sb="15" eb="16">
      <t>ギュウ</t>
    </rPh>
    <rPh sb="17" eb="19">
      <t>シャシン</t>
    </rPh>
    <phoneticPr fontId="2"/>
  </si>
  <si>
    <t>東牟婁・新宮版　在ソ同胞に慰問品を！</t>
    <rPh sb="0" eb="3">
      <t>ヒガシムロ</t>
    </rPh>
    <rPh sb="4" eb="6">
      <t>シングウ</t>
    </rPh>
    <rPh sb="6" eb="7">
      <t>バン</t>
    </rPh>
    <phoneticPr fontId="2"/>
  </si>
  <si>
    <t>東牟婁・新宮版　人事異動</t>
    <rPh sb="0" eb="3">
      <t>ヒガシムロ</t>
    </rPh>
    <rPh sb="4" eb="6">
      <t>シングウ</t>
    </rPh>
    <rPh sb="6" eb="7">
      <t>バン</t>
    </rPh>
    <rPh sb="8" eb="12">
      <t>ジンジイドウ</t>
    </rPh>
    <phoneticPr fontId="2"/>
  </si>
  <si>
    <t>東牟婁・新宮版　防犯運動　自７月２０日　至８月３１日</t>
    <rPh sb="0" eb="3">
      <t>ヒガシムロ</t>
    </rPh>
    <rPh sb="4" eb="6">
      <t>シングウ</t>
    </rPh>
    <rPh sb="6" eb="7">
      <t>バン</t>
    </rPh>
    <phoneticPr fontId="2"/>
  </si>
  <si>
    <t>東牟婁・新宮版　検察審査会制度</t>
    <rPh sb="0" eb="3">
      <t>ヒガシムロ</t>
    </rPh>
    <rPh sb="4" eb="6">
      <t>シングウ</t>
    </rPh>
    <rPh sb="6" eb="7">
      <t>バン</t>
    </rPh>
    <phoneticPr fontId="2"/>
  </si>
  <si>
    <t>赤ちゃん御用心！　森永粉乳</t>
    <rPh sb="0" eb="1">
      <t>アカ</t>
    </rPh>
    <rPh sb="4" eb="7">
      <t>ゴヨウジン</t>
    </rPh>
    <rPh sb="9" eb="11">
      <t>モリナガ</t>
    </rPh>
    <rPh sb="11" eb="13">
      <t>フンニュウ</t>
    </rPh>
    <phoneticPr fontId="2"/>
  </si>
  <si>
    <t>県の機構改革なる　財政課・管財課などを新設</t>
    <rPh sb="0" eb="1">
      <t>ケン</t>
    </rPh>
    <rPh sb="2" eb="4">
      <t>キコウ</t>
    </rPh>
    <rPh sb="4" eb="6">
      <t>カイカク</t>
    </rPh>
    <rPh sb="9" eb="12">
      <t>ザイセイカ</t>
    </rPh>
    <rPh sb="13" eb="16">
      <t>カンザイカ</t>
    </rPh>
    <rPh sb="19" eb="21">
      <t>シンセツ</t>
    </rPh>
    <phoneticPr fontId="2"/>
  </si>
  <si>
    <t>満一年をむかえた新生活の建設運動</t>
    <rPh sb="0" eb="1">
      <t>マン</t>
    </rPh>
    <rPh sb="1" eb="2">
      <t>1</t>
    </rPh>
    <rPh sb="2" eb="3">
      <t>ネン</t>
    </rPh>
    <rPh sb="8" eb="11">
      <t>シンセイカツ</t>
    </rPh>
    <rPh sb="12" eb="14">
      <t>ケンセツ</t>
    </rPh>
    <rPh sb="14" eb="16">
      <t>ウンドウ</t>
    </rPh>
    <phoneticPr fontId="2"/>
  </si>
  <si>
    <t>解説　改正された失業保険法</t>
    <rPh sb="0" eb="2">
      <t>カイセツ</t>
    </rPh>
    <rPh sb="3" eb="5">
      <t>カイセイ</t>
    </rPh>
    <rPh sb="8" eb="10">
      <t>シツギョウ</t>
    </rPh>
    <rPh sb="10" eb="13">
      <t>ホケンホウ</t>
    </rPh>
    <phoneticPr fontId="2"/>
  </si>
  <si>
    <t>町村合併に拍車</t>
    <rPh sb="0" eb="2">
      <t>チョウソン</t>
    </rPh>
    <rPh sb="2" eb="4">
      <t>ガッペイ</t>
    </rPh>
    <rPh sb="5" eb="7">
      <t>ハクシャ</t>
    </rPh>
    <phoneticPr fontId="2"/>
  </si>
  <si>
    <t>成人体力健康検査　８月～１０月</t>
    <rPh sb="0" eb="2">
      <t>セイジン</t>
    </rPh>
    <rPh sb="2" eb="4">
      <t>タイリョク</t>
    </rPh>
    <rPh sb="4" eb="6">
      <t>ケンコウ</t>
    </rPh>
    <rPh sb="6" eb="8">
      <t>ケンサ</t>
    </rPh>
    <rPh sb="10" eb="11">
      <t>ガツ</t>
    </rPh>
    <rPh sb="14" eb="15">
      <t>ガツ</t>
    </rPh>
    <phoneticPr fontId="2"/>
  </si>
  <si>
    <t>第８回農業まつり</t>
    <rPh sb="0" eb="1">
      <t>ダイ</t>
    </rPh>
    <rPh sb="2" eb="3">
      <t>カイ</t>
    </rPh>
    <rPh sb="3" eb="5">
      <t>ノウギョウ</t>
    </rPh>
    <phoneticPr fontId="2"/>
  </si>
  <si>
    <t>異動一五六名　係長以上　人事の刷新で建設県政推進へ</t>
    <rPh sb="0" eb="2">
      <t>イドウ</t>
    </rPh>
    <rPh sb="2" eb="5">
      <t>156</t>
    </rPh>
    <rPh sb="5" eb="6">
      <t>メイ</t>
    </rPh>
    <rPh sb="7" eb="9">
      <t>カカリチョウ</t>
    </rPh>
    <rPh sb="9" eb="11">
      <t>イジョウ</t>
    </rPh>
    <rPh sb="12" eb="14">
      <t>ジンジ</t>
    </rPh>
    <rPh sb="15" eb="17">
      <t>サッシン</t>
    </rPh>
    <rPh sb="18" eb="20">
      <t>ケンセツ</t>
    </rPh>
    <rPh sb="20" eb="22">
      <t>ケンセイ</t>
    </rPh>
    <rPh sb="22" eb="24">
      <t>スイシン</t>
    </rPh>
    <phoneticPr fontId="2"/>
  </si>
  <si>
    <t>国勢調査　昭和３０年１０月１日</t>
    <rPh sb="0" eb="2">
      <t>コクセイ</t>
    </rPh>
    <rPh sb="2" eb="4">
      <t>チョウサ</t>
    </rPh>
    <rPh sb="5" eb="7">
      <t>ショウワ</t>
    </rPh>
    <rPh sb="9" eb="10">
      <t>ネン</t>
    </rPh>
    <rPh sb="12" eb="13">
      <t>ガツ</t>
    </rPh>
    <rPh sb="14" eb="15">
      <t>ヒ</t>
    </rPh>
    <phoneticPr fontId="2"/>
  </si>
  <si>
    <t>第３回和歌山県観光写真コンテスト</t>
    <rPh sb="0" eb="1">
      <t>ダイ</t>
    </rPh>
    <rPh sb="2" eb="3">
      <t>カイ</t>
    </rPh>
    <rPh sb="3" eb="7">
      <t>ワカヤマケン</t>
    </rPh>
    <rPh sb="7" eb="9">
      <t>カンコウ</t>
    </rPh>
    <rPh sb="9" eb="11">
      <t>シャシン</t>
    </rPh>
    <phoneticPr fontId="2"/>
  </si>
  <si>
    <t>ニュールック　新婚アパート　公営住宅４４０戸割当きまる</t>
    <rPh sb="7" eb="9">
      <t>シンコン</t>
    </rPh>
    <rPh sb="14" eb="16">
      <t>コウエイ</t>
    </rPh>
    <rPh sb="16" eb="18">
      <t>ジュウタク</t>
    </rPh>
    <rPh sb="21" eb="22">
      <t>コ</t>
    </rPh>
    <rPh sb="22" eb="24">
      <t>ワリアテ</t>
    </rPh>
    <phoneticPr fontId="2"/>
  </si>
  <si>
    <t>アメリカ移民第二陣出発</t>
    <rPh sb="4" eb="6">
      <t>イミン</t>
    </rPh>
    <rPh sb="6" eb="7">
      <t>ダイ</t>
    </rPh>
    <rPh sb="7" eb="8">
      <t>2</t>
    </rPh>
    <rPh sb="8" eb="9">
      <t>ジン</t>
    </rPh>
    <rPh sb="9" eb="11">
      <t>シュッパツ</t>
    </rPh>
    <phoneticPr fontId="2"/>
  </si>
  <si>
    <t>お国自慢②　武蔵坊と本因坊（写真上　高川氏帰省記念の囲碁大会、写真右　弁慶松）　西牟婁地方事務所）　</t>
    <rPh sb="1" eb="2">
      <t>クニ</t>
    </rPh>
    <rPh sb="2" eb="4">
      <t>ジマン</t>
    </rPh>
    <rPh sb="6" eb="9">
      <t>ムサシボウ</t>
    </rPh>
    <rPh sb="10" eb="13">
      <t>ホンインボウ</t>
    </rPh>
    <rPh sb="14" eb="16">
      <t>シャシン</t>
    </rPh>
    <rPh sb="16" eb="17">
      <t>ウエ</t>
    </rPh>
    <rPh sb="18" eb="20">
      <t>タカガワ</t>
    </rPh>
    <rPh sb="20" eb="21">
      <t>シ</t>
    </rPh>
    <rPh sb="21" eb="23">
      <t>キセイ</t>
    </rPh>
    <rPh sb="23" eb="25">
      <t>キネン</t>
    </rPh>
    <rPh sb="26" eb="28">
      <t>イゴ</t>
    </rPh>
    <rPh sb="28" eb="30">
      <t>タイカイ</t>
    </rPh>
    <rPh sb="31" eb="33">
      <t>シャシン</t>
    </rPh>
    <rPh sb="33" eb="34">
      <t>ミギ</t>
    </rPh>
    <rPh sb="35" eb="37">
      <t>ベンケイ</t>
    </rPh>
    <rPh sb="37" eb="38">
      <t>マツ</t>
    </rPh>
    <rPh sb="40" eb="43">
      <t>ニシムロ</t>
    </rPh>
    <rPh sb="43" eb="45">
      <t>チホウ</t>
    </rPh>
    <rPh sb="45" eb="48">
      <t>ジムショ</t>
    </rPh>
    <phoneticPr fontId="2"/>
  </si>
  <si>
    <t>不良農地解消へ　耕地培養市町村を指定</t>
    <rPh sb="0" eb="2">
      <t>フリョウ</t>
    </rPh>
    <rPh sb="2" eb="4">
      <t>ノウチ</t>
    </rPh>
    <rPh sb="4" eb="6">
      <t>カイショウ</t>
    </rPh>
    <rPh sb="8" eb="10">
      <t>コウチ</t>
    </rPh>
    <rPh sb="10" eb="12">
      <t>バイヨウ</t>
    </rPh>
    <rPh sb="12" eb="15">
      <t>シチョウソン</t>
    </rPh>
    <rPh sb="16" eb="18">
      <t>シテイ</t>
    </rPh>
    <phoneticPr fontId="2"/>
  </si>
  <si>
    <t>予算節減に一役　物品調達事業特別会計とは</t>
    <rPh sb="0" eb="2">
      <t>ヨサン</t>
    </rPh>
    <rPh sb="2" eb="4">
      <t>セツゲン</t>
    </rPh>
    <rPh sb="5" eb="7">
      <t>ヒトヤク</t>
    </rPh>
    <rPh sb="8" eb="10">
      <t>ブッピン</t>
    </rPh>
    <rPh sb="10" eb="12">
      <t>チョウタツ</t>
    </rPh>
    <rPh sb="12" eb="14">
      <t>ジギョウ</t>
    </rPh>
    <rPh sb="14" eb="16">
      <t>トクベツ</t>
    </rPh>
    <rPh sb="16" eb="18">
      <t>カイケイ</t>
    </rPh>
    <phoneticPr fontId="2"/>
  </si>
  <si>
    <t>農事メモ</t>
    <rPh sb="0" eb="2">
      <t>ノウジ</t>
    </rPh>
    <phoneticPr fontId="2"/>
  </si>
  <si>
    <t>第２回母と子のよい歯のコンクール（写真　県下一になった田中さん母子）</t>
    <rPh sb="0" eb="1">
      <t>ダイ</t>
    </rPh>
    <rPh sb="2" eb="3">
      <t>カイ</t>
    </rPh>
    <rPh sb="3" eb="4">
      <t>ハハ</t>
    </rPh>
    <rPh sb="5" eb="6">
      <t>コ</t>
    </rPh>
    <rPh sb="9" eb="10">
      <t>ハ</t>
    </rPh>
    <rPh sb="17" eb="19">
      <t>シャシン</t>
    </rPh>
    <rPh sb="20" eb="22">
      <t>ケンカ</t>
    </rPh>
    <rPh sb="22" eb="23">
      <t>1</t>
    </rPh>
    <rPh sb="27" eb="29">
      <t>タナカ</t>
    </rPh>
    <rPh sb="31" eb="33">
      <t>ボシ</t>
    </rPh>
    <phoneticPr fontId="2"/>
  </si>
  <si>
    <t>食生活改善普及運動　９月２２日～２８日</t>
    <rPh sb="0" eb="3">
      <t>ショクセイカツ</t>
    </rPh>
    <rPh sb="3" eb="5">
      <t>カイゼン</t>
    </rPh>
    <rPh sb="5" eb="7">
      <t>フキュウ</t>
    </rPh>
    <rPh sb="7" eb="9">
      <t>ウンドウ</t>
    </rPh>
    <rPh sb="11" eb="12">
      <t>ガツ</t>
    </rPh>
    <rPh sb="14" eb="15">
      <t>ニチ</t>
    </rPh>
    <rPh sb="18" eb="19">
      <t>ニチ</t>
    </rPh>
    <phoneticPr fontId="2"/>
  </si>
  <si>
    <t>市内版　お知らせ　県民の友　文書広報課で編集発行</t>
    <rPh sb="0" eb="2">
      <t>シナイ</t>
    </rPh>
    <rPh sb="2" eb="3">
      <t>バン</t>
    </rPh>
    <rPh sb="5" eb="6">
      <t>シ</t>
    </rPh>
    <rPh sb="9" eb="11">
      <t>ケンミン</t>
    </rPh>
    <rPh sb="12" eb="13">
      <t>トモ</t>
    </rPh>
    <rPh sb="14" eb="16">
      <t>モンジョ</t>
    </rPh>
    <rPh sb="16" eb="19">
      <t>コウホウカ</t>
    </rPh>
    <rPh sb="20" eb="22">
      <t>ヘンシュウ</t>
    </rPh>
    <rPh sb="22" eb="24">
      <t>ハッコウ</t>
    </rPh>
    <phoneticPr fontId="2"/>
  </si>
  <si>
    <t>市内版　新和歌浦　懸案の魚市場開く　鈴木水産課長談（写真　完成した魚市場）</t>
    <rPh sb="0" eb="2">
      <t>シナイ</t>
    </rPh>
    <rPh sb="2" eb="3">
      <t>バン</t>
    </rPh>
    <rPh sb="4" eb="8">
      <t>シンワカウラ</t>
    </rPh>
    <rPh sb="9" eb="11">
      <t>ケンアン</t>
    </rPh>
    <rPh sb="12" eb="15">
      <t>ウオイチバ</t>
    </rPh>
    <rPh sb="15" eb="16">
      <t>ヒラ</t>
    </rPh>
    <rPh sb="18" eb="20">
      <t>スズキ</t>
    </rPh>
    <rPh sb="20" eb="22">
      <t>スイサン</t>
    </rPh>
    <rPh sb="22" eb="24">
      <t>カチョウ</t>
    </rPh>
    <rPh sb="24" eb="25">
      <t>ダン</t>
    </rPh>
    <rPh sb="26" eb="28">
      <t>シャシン</t>
    </rPh>
    <rPh sb="29" eb="31">
      <t>カンセイ</t>
    </rPh>
    <rPh sb="33" eb="36">
      <t>ウオイチバ</t>
    </rPh>
    <phoneticPr fontId="2"/>
  </si>
  <si>
    <t>市内版　貧しい患者の相談役　医療社会事業係</t>
    <rPh sb="0" eb="2">
      <t>シナイ</t>
    </rPh>
    <rPh sb="2" eb="3">
      <t>バン</t>
    </rPh>
    <rPh sb="4" eb="5">
      <t>マズ</t>
    </rPh>
    <rPh sb="7" eb="9">
      <t>カンジャ</t>
    </rPh>
    <rPh sb="10" eb="13">
      <t>ソウダンヤク</t>
    </rPh>
    <rPh sb="14" eb="16">
      <t>イリョウ</t>
    </rPh>
    <rPh sb="16" eb="18">
      <t>シャカイ</t>
    </rPh>
    <rPh sb="18" eb="20">
      <t>ジギョウ</t>
    </rPh>
    <rPh sb="20" eb="21">
      <t>カカリ</t>
    </rPh>
    <phoneticPr fontId="2"/>
  </si>
  <si>
    <t>市内版　ボーイスカウトの活躍（写真　本町二丁目の交差点で交通整理するボーイスカウト）</t>
    <rPh sb="0" eb="2">
      <t>シナイ</t>
    </rPh>
    <rPh sb="2" eb="3">
      <t>バン</t>
    </rPh>
    <rPh sb="12" eb="14">
      <t>カツヤク</t>
    </rPh>
    <rPh sb="15" eb="17">
      <t>シャシン</t>
    </rPh>
    <rPh sb="18" eb="20">
      <t>ホンマチ</t>
    </rPh>
    <rPh sb="20" eb="21">
      <t>2</t>
    </rPh>
    <rPh sb="21" eb="23">
      <t>チョウメ</t>
    </rPh>
    <rPh sb="24" eb="27">
      <t>コウサテン</t>
    </rPh>
    <rPh sb="28" eb="32">
      <t>コウツウセイリ</t>
    </rPh>
    <phoneticPr fontId="2"/>
  </si>
  <si>
    <t>市内版　自衛官募集</t>
    <rPh sb="0" eb="2">
      <t>シナイ</t>
    </rPh>
    <rPh sb="2" eb="3">
      <t>バン</t>
    </rPh>
    <rPh sb="4" eb="7">
      <t>ジエイカン</t>
    </rPh>
    <rPh sb="7" eb="9">
      <t>ボシュウ</t>
    </rPh>
    <phoneticPr fontId="2"/>
  </si>
  <si>
    <t>市内版　としよりに愛の手を　養老院に余生を送る人々（写真　仏教構成養老院の全景　法話を聞く老人たち）</t>
    <rPh sb="0" eb="2">
      <t>シナイ</t>
    </rPh>
    <rPh sb="2" eb="3">
      <t>バン</t>
    </rPh>
    <rPh sb="9" eb="10">
      <t>アイ</t>
    </rPh>
    <rPh sb="11" eb="12">
      <t>テ</t>
    </rPh>
    <rPh sb="14" eb="16">
      <t>ヨウロウ</t>
    </rPh>
    <rPh sb="16" eb="17">
      <t>イン</t>
    </rPh>
    <rPh sb="18" eb="20">
      <t>ヨセイ</t>
    </rPh>
    <rPh sb="21" eb="22">
      <t>オク</t>
    </rPh>
    <rPh sb="23" eb="25">
      <t>ヒトビト</t>
    </rPh>
    <rPh sb="26" eb="28">
      <t>シャシン</t>
    </rPh>
    <rPh sb="29" eb="31">
      <t>ブッキョウ</t>
    </rPh>
    <rPh sb="31" eb="33">
      <t>コウセイ</t>
    </rPh>
    <rPh sb="33" eb="35">
      <t>ヨウロウ</t>
    </rPh>
    <rPh sb="35" eb="36">
      <t>イン</t>
    </rPh>
    <rPh sb="37" eb="39">
      <t>ゼンケイ</t>
    </rPh>
    <rPh sb="40" eb="42">
      <t>ホウワ</t>
    </rPh>
    <rPh sb="43" eb="44">
      <t>キ</t>
    </rPh>
    <rPh sb="45" eb="47">
      <t>ロウジン</t>
    </rPh>
    <phoneticPr fontId="2"/>
  </si>
  <si>
    <t>市内版　性病予防週間　９月１日～７日</t>
    <rPh sb="0" eb="2">
      <t>シナイ</t>
    </rPh>
    <rPh sb="2" eb="3">
      <t>バン</t>
    </rPh>
    <rPh sb="4" eb="6">
      <t>セイビョウ</t>
    </rPh>
    <rPh sb="6" eb="8">
      <t>ヨボウ</t>
    </rPh>
    <rPh sb="8" eb="10">
      <t>シュウカン</t>
    </rPh>
    <rPh sb="12" eb="13">
      <t>ガツ</t>
    </rPh>
    <rPh sb="14" eb="15">
      <t>ヒ</t>
    </rPh>
    <rPh sb="17" eb="18">
      <t>ヒ</t>
    </rPh>
    <phoneticPr fontId="2"/>
  </si>
  <si>
    <t>市内版　９月１５日　としよりの日　としよりの福祉週間　９月１５日→２１日</t>
    <rPh sb="0" eb="2">
      <t>シナイ</t>
    </rPh>
    <rPh sb="2" eb="3">
      <t>バン</t>
    </rPh>
    <rPh sb="5" eb="6">
      <t>ガツ</t>
    </rPh>
    <rPh sb="8" eb="9">
      <t>ニチ</t>
    </rPh>
    <rPh sb="15" eb="16">
      <t>ヒ</t>
    </rPh>
    <rPh sb="22" eb="24">
      <t>フクシ</t>
    </rPh>
    <rPh sb="24" eb="26">
      <t>シュウカン</t>
    </rPh>
    <rPh sb="28" eb="29">
      <t>ガツ</t>
    </rPh>
    <rPh sb="31" eb="32">
      <t>ニチ</t>
    </rPh>
    <rPh sb="35" eb="36">
      <t>ニチ</t>
    </rPh>
    <phoneticPr fontId="2"/>
  </si>
  <si>
    <t>海草・海南版　お知らせ　県民の友　文書広報課で編集発行</t>
    <rPh sb="0" eb="2">
      <t>カイソウ</t>
    </rPh>
    <rPh sb="3" eb="6">
      <t>カイナンバン</t>
    </rPh>
    <phoneticPr fontId="2"/>
  </si>
  <si>
    <t>海草・海南版　西山道　母と子、新生活を語る</t>
    <rPh sb="0" eb="2">
      <t>カイソウ</t>
    </rPh>
    <rPh sb="3" eb="6">
      <t>カイナンバン</t>
    </rPh>
    <rPh sb="7" eb="8">
      <t>ニシ</t>
    </rPh>
    <rPh sb="8" eb="10">
      <t>サンドウ</t>
    </rPh>
    <rPh sb="11" eb="12">
      <t>ハハ</t>
    </rPh>
    <rPh sb="13" eb="14">
      <t>コ</t>
    </rPh>
    <rPh sb="15" eb="18">
      <t>シンセイカツ</t>
    </rPh>
    <rPh sb="19" eb="20">
      <t>カタ</t>
    </rPh>
    <phoneticPr fontId="2"/>
  </si>
  <si>
    <t>海草・海南版　下津・大東の両校にモデル校舎完成（写真　新築になった大東小学校校舎）</t>
    <rPh sb="0" eb="2">
      <t>カイソウ</t>
    </rPh>
    <rPh sb="3" eb="6">
      <t>カイナンバン</t>
    </rPh>
    <rPh sb="7" eb="9">
      <t>シモツ</t>
    </rPh>
    <rPh sb="10" eb="12">
      <t>ダイトウ</t>
    </rPh>
    <rPh sb="13" eb="15">
      <t>リョウコウ</t>
    </rPh>
    <rPh sb="19" eb="21">
      <t>コウシャ</t>
    </rPh>
    <rPh sb="21" eb="23">
      <t>カンセイ</t>
    </rPh>
    <rPh sb="24" eb="26">
      <t>シャシン</t>
    </rPh>
    <rPh sb="27" eb="29">
      <t>シンチク</t>
    </rPh>
    <rPh sb="33" eb="35">
      <t>ダイトウ</t>
    </rPh>
    <rPh sb="35" eb="38">
      <t>ショウガッコウ</t>
    </rPh>
    <rPh sb="38" eb="40">
      <t>コウシャ</t>
    </rPh>
    <phoneticPr fontId="2"/>
  </si>
  <si>
    <t>海草・海南版　下津町で商工会を結成</t>
    <rPh sb="0" eb="2">
      <t>カイソウ</t>
    </rPh>
    <rPh sb="3" eb="6">
      <t>カイナンバン</t>
    </rPh>
    <rPh sb="7" eb="10">
      <t>シモツチョウ</t>
    </rPh>
    <rPh sb="11" eb="14">
      <t>ショウコウカイ</t>
    </rPh>
    <rPh sb="15" eb="17">
      <t>ケッセイ</t>
    </rPh>
    <phoneticPr fontId="2"/>
  </si>
  <si>
    <t>海草・海南版　愛の運動、実を結ぶ　不幸な人へミシンやオルガン</t>
    <rPh sb="0" eb="2">
      <t>カイソウ</t>
    </rPh>
    <rPh sb="3" eb="6">
      <t>カイナンバン</t>
    </rPh>
    <rPh sb="7" eb="8">
      <t>アイ</t>
    </rPh>
    <rPh sb="9" eb="11">
      <t>ウンドウ</t>
    </rPh>
    <rPh sb="12" eb="13">
      <t>ミ</t>
    </rPh>
    <rPh sb="14" eb="15">
      <t>ムス</t>
    </rPh>
    <rPh sb="17" eb="19">
      <t>フコウ</t>
    </rPh>
    <rPh sb="20" eb="21">
      <t>ヒト</t>
    </rPh>
    <phoneticPr fontId="2"/>
  </si>
  <si>
    <t>海草・海南版　お母さんの集い　１８日に労働会館（和歌山市）で開く</t>
    <rPh sb="0" eb="2">
      <t>カイソウ</t>
    </rPh>
    <rPh sb="3" eb="6">
      <t>カイナンバン</t>
    </rPh>
    <rPh sb="8" eb="9">
      <t>カア</t>
    </rPh>
    <rPh sb="12" eb="13">
      <t>ツド</t>
    </rPh>
    <rPh sb="17" eb="18">
      <t>ニチ</t>
    </rPh>
    <rPh sb="19" eb="21">
      <t>ロウドウ</t>
    </rPh>
    <rPh sb="21" eb="23">
      <t>カイカン</t>
    </rPh>
    <rPh sb="24" eb="28">
      <t>ワカヤマシ</t>
    </rPh>
    <rPh sb="30" eb="31">
      <t>ヒラ</t>
    </rPh>
    <phoneticPr fontId="2"/>
  </si>
  <si>
    <t>海草・海南版　よい歯の母子コンクール（写真　谷脇光子さん母子）</t>
    <rPh sb="0" eb="2">
      <t>カイソウ</t>
    </rPh>
    <rPh sb="3" eb="6">
      <t>カイナンバン</t>
    </rPh>
    <rPh sb="9" eb="10">
      <t>ハ</t>
    </rPh>
    <rPh sb="11" eb="13">
      <t>ボシ</t>
    </rPh>
    <rPh sb="19" eb="21">
      <t>シャシン</t>
    </rPh>
    <rPh sb="22" eb="24">
      <t>タニワキ</t>
    </rPh>
    <rPh sb="24" eb="26">
      <t>ミツコ</t>
    </rPh>
    <rPh sb="28" eb="30">
      <t>ボシ</t>
    </rPh>
    <phoneticPr fontId="2"/>
  </si>
  <si>
    <t>海草・海南版　生石山で弁論大会</t>
    <rPh sb="0" eb="2">
      <t>カイソウ</t>
    </rPh>
    <rPh sb="3" eb="6">
      <t>カイナンバン</t>
    </rPh>
    <rPh sb="7" eb="9">
      <t>オイシ</t>
    </rPh>
    <rPh sb="9" eb="10">
      <t>ヤマ</t>
    </rPh>
    <rPh sb="11" eb="13">
      <t>ベンロン</t>
    </rPh>
    <rPh sb="13" eb="15">
      <t>タイカイ</t>
    </rPh>
    <phoneticPr fontId="2"/>
  </si>
  <si>
    <t>海草・海南版　乳牛を売らないように</t>
    <rPh sb="0" eb="2">
      <t>カイソウ</t>
    </rPh>
    <rPh sb="3" eb="6">
      <t>カイナンバン</t>
    </rPh>
    <rPh sb="7" eb="9">
      <t>ニュウギュウ</t>
    </rPh>
    <rPh sb="10" eb="11">
      <t>ウ</t>
    </rPh>
    <phoneticPr fontId="2"/>
  </si>
  <si>
    <t>海草・海南版　貧しい患者の相談役　医療社会事業係</t>
    <rPh sb="0" eb="2">
      <t>カイソウ</t>
    </rPh>
    <rPh sb="3" eb="6">
      <t>カイナンバン</t>
    </rPh>
    <phoneticPr fontId="2"/>
  </si>
  <si>
    <t>海草・海南版　やまもも苗木、巽が受注</t>
    <rPh sb="0" eb="2">
      <t>カイソウ</t>
    </rPh>
    <rPh sb="3" eb="6">
      <t>カイナンバン</t>
    </rPh>
    <rPh sb="11" eb="13">
      <t>ナエギ</t>
    </rPh>
    <rPh sb="14" eb="15">
      <t>タツミ</t>
    </rPh>
    <rPh sb="16" eb="18">
      <t>ジュチュウ</t>
    </rPh>
    <phoneticPr fontId="2"/>
  </si>
  <si>
    <t>海草・海南版　成人体力はじまる</t>
    <rPh sb="0" eb="2">
      <t>カイソウ</t>
    </rPh>
    <rPh sb="3" eb="6">
      <t>カイナンバン</t>
    </rPh>
    <rPh sb="7" eb="9">
      <t>セイジン</t>
    </rPh>
    <rPh sb="9" eb="11">
      <t>タイリョク</t>
    </rPh>
    <phoneticPr fontId="2"/>
  </si>
  <si>
    <t>海草・海南版　消防団長講習会おわる</t>
    <rPh sb="0" eb="2">
      <t>カイソウ</t>
    </rPh>
    <rPh sb="3" eb="6">
      <t>カイナンバン</t>
    </rPh>
    <rPh sb="7" eb="10">
      <t>ショウボウダン</t>
    </rPh>
    <rPh sb="10" eb="11">
      <t>チョウ</t>
    </rPh>
    <rPh sb="11" eb="14">
      <t>コウシュウカイ</t>
    </rPh>
    <phoneticPr fontId="2"/>
  </si>
  <si>
    <t>海草・海南版　性病予防週間　９月１日～７日</t>
    <rPh sb="0" eb="2">
      <t>カイソウ</t>
    </rPh>
    <rPh sb="3" eb="6">
      <t>カイナンバン</t>
    </rPh>
    <phoneticPr fontId="2"/>
  </si>
  <si>
    <t>海草・海南版　９月１５日　としよりの日　としよりの福祉週間　９月１５日→２１日</t>
    <rPh sb="0" eb="2">
      <t>カイソウ</t>
    </rPh>
    <rPh sb="3" eb="6">
      <t>カイナンバン</t>
    </rPh>
    <phoneticPr fontId="2"/>
  </si>
  <si>
    <t>那賀版　お知らせ　県民の友　文書広報課で編集発行</t>
    <rPh sb="0" eb="2">
      <t>ナガ</t>
    </rPh>
    <rPh sb="2" eb="3">
      <t>バン</t>
    </rPh>
    <phoneticPr fontId="2"/>
  </si>
  <si>
    <t>那賀版　旱魃の脅威を除く　山田川ダムから用水路　井沼貴志川耕災事務所長談（写真　竣工を急ぐ山田川ダムの堰堤）</t>
    <rPh sb="0" eb="2">
      <t>ナガ</t>
    </rPh>
    <rPh sb="2" eb="3">
      <t>バン</t>
    </rPh>
    <rPh sb="4" eb="6">
      <t>カンバツ</t>
    </rPh>
    <rPh sb="7" eb="9">
      <t>キョウイ</t>
    </rPh>
    <rPh sb="10" eb="11">
      <t>ノゾ</t>
    </rPh>
    <rPh sb="13" eb="16">
      <t>ヤマダガワ</t>
    </rPh>
    <rPh sb="20" eb="23">
      <t>ヨウスイロ</t>
    </rPh>
    <rPh sb="24" eb="26">
      <t>イヌマ</t>
    </rPh>
    <rPh sb="26" eb="29">
      <t>キシガワ</t>
    </rPh>
    <rPh sb="29" eb="30">
      <t>コウ</t>
    </rPh>
    <rPh sb="30" eb="31">
      <t>サイ</t>
    </rPh>
    <rPh sb="31" eb="33">
      <t>ジム</t>
    </rPh>
    <rPh sb="33" eb="35">
      <t>ショチョウ</t>
    </rPh>
    <rPh sb="35" eb="36">
      <t>ダン</t>
    </rPh>
    <rPh sb="37" eb="39">
      <t>シャシン</t>
    </rPh>
    <rPh sb="40" eb="42">
      <t>シュンコウ</t>
    </rPh>
    <rPh sb="43" eb="44">
      <t>イソ</t>
    </rPh>
    <rPh sb="45" eb="48">
      <t>ヤマダガワ</t>
    </rPh>
    <rPh sb="51" eb="53">
      <t>セキテイ</t>
    </rPh>
    <phoneticPr fontId="2"/>
  </si>
  <si>
    <t>那賀版　大破した皿池の樋管　５５０万円で復旧へ（写真　皿池の応急工事）</t>
    <rPh sb="0" eb="2">
      <t>ナガ</t>
    </rPh>
    <rPh sb="2" eb="3">
      <t>バン</t>
    </rPh>
    <rPh sb="4" eb="6">
      <t>タイハ</t>
    </rPh>
    <rPh sb="8" eb="9">
      <t>サラ</t>
    </rPh>
    <rPh sb="9" eb="10">
      <t>イケ</t>
    </rPh>
    <rPh sb="11" eb="13">
      <t>ヒカン</t>
    </rPh>
    <rPh sb="17" eb="19">
      <t>マンエン</t>
    </rPh>
    <rPh sb="20" eb="22">
      <t>フッキュウ</t>
    </rPh>
    <rPh sb="24" eb="26">
      <t>シャシン</t>
    </rPh>
    <rPh sb="27" eb="28">
      <t>サラ</t>
    </rPh>
    <rPh sb="28" eb="29">
      <t>イケ</t>
    </rPh>
    <rPh sb="30" eb="32">
      <t>オウキュウ</t>
    </rPh>
    <rPh sb="32" eb="34">
      <t>コウジ</t>
    </rPh>
    <phoneticPr fontId="2"/>
  </si>
  <si>
    <t>那賀版　県道　粉河－加太線開通　産業観光の動脈</t>
    <rPh sb="0" eb="2">
      <t>ナガ</t>
    </rPh>
    <rPh sb="2" eb="3">
      <t>バン</t>
    </rPh>
    <rPh sb="4" eb="6">
      <t>ケンドウ</t>
    </rPh>
    <rPh sb="7" eb="9">
      <t>コカワ</t>
    </rPh>
    <rPh sb="10" eb="12">
      <t>カダ</t>
    </rPh>
    <rPh sb="12" eb="13">
      <t>セン</t>
    </rPh>
    <rPh sb="13" eb="15">
      <t>カイツウ</t>
    </rPh>
    <rPh sb="16" eb="18">
      <t>サンギョウ</t>
    </rPh>
    <rPh sb="18" eb="20">
      <t>カンコウ</t>
    </rPh>
    <rPh sb="21" eb="23">
      <t>ドウミャク</t>
    </rPh>
    <phoneticPr fontId="2"/>
  </si>
  <si>
    <t>那賀版　町村議の講習会</t>
    <rPh sb="0" eb="2">
      <t>ナガ</t>
    </rPh>
    <rPh sb="2" eb="3">
      <t>バン</t>
    </rPh>
    <rPh sb="4" eb="7">
      <t>チョウソンギ</t>
    </rPh>
    <rPh sb="8" eb="11">
      <t>コウシュウカイ</t>
    </rPh>
    <phoneticPr fontId="2"/>
  </si>
  <si>
    <t>那賀版　産業点描　前途洋々の酪農</t>
    <rPh sb="0" eb="2">
      <t>ナガ</t>
    </rPh>
    <rPh sb="2" eb="3">
      <t>バン</t>
    </rPh>
    <rPh sb="4" eb="6">
      <t>サンギョウ</t>
    </rPh>
    <rPh sb="6" eb="8">
      <t>テンビョウ</t>
    </rPh>
    <rPh sb="9" eb="11">
      <t>ゼント</t>
    </rPh>
    <rPh sb="11" eb="13">
      <t>ヨウヨウ</t>
    </rPh>
    <rPh sb="14" eb="16">
      <t>ラクノウ</t>
    </rPh>
    <phoneticPr fontId="2"/>
  </si>
  <si>
    <t>那賀版　郡民の声　汚職雑感</t>
    <rPh sb="0" eb="2">
      <t>ナガ</t>
    </rPh>
    <rPh sb="2" eb="3">
      <t>バン</t>
    </rPh>
    <rPh sb="4" eb="6">
      <t>グンミン</t>
    </rPh>
    <rPh sb="7" eb="8">
      <t>コエ</t>
    </rPh>
    <rPh sb="9" eb="11">
      <t>オショク</t>
    </rPh>
    <rPh sb="11" eb="12">
      <t>ザツ</t>
    </rPh>
    <rPh sb="12" eb="13">
      <t>カン</t>
    </rPh>
    <phoneticPr fontId="2"/>
  </si>
  <si>
    <t>那賀版　移動保健所を開設　岩出保健所　鞆淵村で好評博す　成人検査も</t>
    <rPh sb="0" eb="2">
      <t>ナガ</t>
    </rPh>
    <rPh sb="2" eb="3">
      <t>バン</t>
    </rPh>
    <rPh sb="4" eb="6">
      <t>イドウ</t>
    </rPh>
    <rPh sb="6" eb="9">
      <t>ホケンジョ</t>
    </rPh>
    <rPh sb="10" eb="12">
      <t>カイセツ</t>
    </rPh>
    <rPh sb="13" eb="15">
      <t>イワデ</t>
    </rPh>
    <rPh sb="15" eb="18">
      <t>ホケンジョ</t>
    </rPh>
    <rPh sb="19" eb="20">
      <t>トモ</t>
    </rPh>
    <rPh sb="20" eb="21">
      <t>フチ</t>
    </rPh>
    <rPh sb="21" eb="22">
      <t>ムラ</t>
    </rPh>
    <rPh sb="23" eb="25">
      <t>コウヒョウ</t>
    </rPh>
    <rPh sb="25" eb="26">
      <t>ハク</t>
    </rPh>
    <rPh sb="28" eb="30">
      <t>セイジン</t>
    </rPh>
    <rPh sb="30" eb="32">
      <t>ケンサ</t>
    </rPh>
    <phoneticPr fontId="2"/>
  </si>
  <si>
    <t>那賀版　希望に満ちて母子寮開寮</t>
    <rPh sb="0" eb="2">
      <t>ナガ</t>
    </rPh>
    <rPh sb="2" eb="3">
      <t>バン</t>
    </rPh>
    <rPh sb="4" eb="6">
      <t>キボウ</t>
    </rPh>
    <rPh sb="7" eb="8">
      <t>ミ</t>
    </rPh>
    <rPh sb="10" eb="12">
      <t>ボシ</t>
    </rPh>
    <rPh sb="12" eb="13">
      <t>リョウ</t>
    </rPh>
    <rPh sb="13" eb="14">
      <t>ヒラ</t>
    </rPh>
    <rPh sb="14" eb="15">
      <t>リョウ</t>
    </rPh>
    <phoneticPr fontId="2"/>
  </si>
  <si>
    <t>那賀版　安楽川小学校校舎落成</t>
    <rPh sb="0" eb="2">
      <t>ナガ</t>
    </rPh>
    <rPh sb="2" eb="3">
      <t>バン</t>
    </rPh>
    <rPh sb="4" eb="7">
      <t>アンラクガワ</t>
    </rPh>
    <rPh sb="7" eb="10">
      <t>ショウガッコウ</t>
    </rPh>
    <rPh sb="10" eb="12">
      <t>コウシャ</t>
    </rPh>
    <rPh sb="12" eb="14">
      <t>ラクセイ</t>
    </rPh>
    <phoneticPr fontId="2"/>
  </si>
  <si>
    <t>那賀版　性病予防週間　９月１日～７日</t>
    <rPh sb="0" eb="2">
      <t>ナガ</t>
    </rPh>
    <rPh sb="2" eb="3">
      <t>バン</t>
    </rPh>
    <phoneticPr fontId="2"/>
  </si>
  <si>
    <t>那賀版　９月１５日　としよりの日　としよりの福祉週間　９月１５日→２１日</t>
    <rPh sb="0" eb="2">
      <t>ナガ</t>
    </rPh>
    <rPh sb="2" eb="3">
      <t>バン</t>
    </rPh>
    <phoneticPr fontId="2"/>
  </si>
  <si>
    <t>伊都・橋本版　お知らせ　県民の友　文書広報課で編集発行</t>
    <rPh sb="0" eb="2">
      <t>イト</t>
    </rPh>
    <rPh sb="3" eb="6">
      <t>ハシモトバン</t>
    </rPh>
    <phoneticPr fontId="2"/>
  </si>
  <si>
    <t>伊都・橋本版　新生活　葬祭の改善　郡の基準きまる</t>
    <rPh sb="0" eb="2">
      <t>イト</t>
    </rPh>
    <rPh sb="3" eb="6">
      <t>ハシモトバン</t>
    </rPh>
    <rPh sb="7" eb="10">
      <t>シンセイカツ</t>
    </rPh>
    <rPh sb="11" eb="13">
      <t>ソウサイ</t>
    </rPh>
    <rPh sb="14" eb="16">
      <t>カイゼン</t>
    </rPh>
    <rPh sb="17" eb="18">
      <t>グン</t>
    </rPh>
    <rPh sb="19" eb="21">
      <t>キジュン</t>
    </rPh>
    <phoneticPr fontId="2"/>
  </si>
  <si>
    <t>伊都・橋本版　住宅改善に一役　農村モデル住宅を建設</t>
    <rPh sb="0" eb="2">
      <t>イト</t>
    </rPh>
    <rPh sb="3" eb="6">
      <t>ハシモトバン</t>
    </rPh>
    <rPh sb="7" eb="9">
      <t>ジュウタク</t>
    </rPh>
    <rPh sb="9" eb="11">
      <t>カイゼン</t>
    </rPh>
    <rPh sb="12" eb="14">
      <t>ヒトヤク</t>
    </rPh>
    <rPh sb="15" eb="17">
      <t>ノウソン</t>
    </rPh>
    <rPh sb="20" eb="22">
      <t>ジュウタク</t>
    </rPh>
    <rPh sb="23" eb="25">
      <t>ケンセツ</t>
    </rPh>
    <phoneticPr fontId="2"/>
  </si>
  <si>
    <t>伊都・橋本版　写真　高野山　奥の院御廟附近</t>
    <rPh sb="0" eb="2">
      <t>イト</t>
    </rPh>
    <rPh sb="3" eb="6">
      <t>ハシモトバン</t>
    </rPh>
    <rPh sb="7" eb="9">
      <t>シャシン</t>
    </rPh>
    <rPh sb="10" eb="13">
      <t>コウヤサン</t>
    </rPh>
    <rPh sb="14" eb="15">
      <t>オク</t>
    </rPh>
    <rPh sb="16" eb="17">
      <t>イン</t>
    </rPh>
    <rPh sb="17" eb="19">
      <t>ゴビョウ</t>
    </rPh>
    <rPh sb="19" eb="21">
      <t>フキン</t>
    </rPh>
    <phoneticPr fontId="2"/>
  </si>
  <si>
    <t>伊都・橋本版　売渡申込み好成績　産米集荷目標を上回る</t>
    <rPh sb="0" eb="2">
      <t>イト</t>
    </rPh>
    <rPh sb="3" eb="6">
      <t>ハシモトバン</t>
    </rPh>
    <rPh sb="7" eb="9">
      <t>ウリワタシ</t>
    </rPh>
    <rPh sb="9" eb="11">
      <t>モウシコ</t>
    </rPh>
    <rPh sb="12" eb="15">
      <t>コウセイセキ</t>
    </rPh>
    <rPh sb="16" eb="18">
      <t>サンマイ</t>
    </rPh>
    <rPh sb="18" eb="20">
      <t>シュウカ</t>
    </rPh>
    <rPh sb="20" eb="22">
      <t>モクヒョウ</t>
    </rPh>
    <rPh sb="23" eb="25">
      <t>ウワマワ</t>
    </rPh>
    <phoneticPr fontId="2"/>
  </si>
  <si>
    <t>伊都・橋本版　猟友会の射撃大会</t>
    <rPh sb="0" eb="2">
      <t>イト</t>
    </rPh>
    <rPh sb="3" eb="6">
      <t>ハシモトバン</t>
    </rPh>
    <rPh sb="7" eb="10">
      <t>リョウユウカイ</t>
    </rPh>
    <rPh sb="11" eb="13">
      <t>シャゲキ</t>
    </rPh>
    <rPh sb="13" eb="15">
      <t>タイカイ</t>
    </rPh>
    <phoneticPr fontId="2"/>
  </si>
  <si>
    <t>伊都・橋本版　４Ｈクラブキャンプ大会（写真　キャンプ生活を楽しむ４Ｈクラブ員）</t>
    <rPh sb="0" eb="2">
      <t>イト</t>
    </rPh>
    <rPh sb="3" eb="5">
      <t>ハシモト</t>
    </rPh>
    <rPh sb="5" eb="6">
      <t>バン</t>
    </rPh>
    <rPh sb="16" eb="18">
      <t>タイカイ</t>
    </rPh>
    <rPh sb="19" eb="21">
      <t>シャシン</t>
    </rPh>
    <rPh sb="26" eb="28">
      <t>セイカツ</t>
    </rPh>
    <rPh sb="29" eb="30">
      <t>タノ</t>
    </rPh>
    <rPh sb="37" eb="38">
      <t>イン</t>
    </rPh>
    <phoneticPr fontId="2"/>
  </si>
  <si>
    <t>伊都・橋本版　町村議会の議員さんたち　自治制度などを勉強</t>
    <rPh sb="0" eb="2">
      <t>イト</t>
    </rPh>
    <rPh sb="3" eb="6">
      <t>ハシモトバン</t>
    </rPh>
    <rPh sb="7" eb="9">
      <t>チョウソン</t>
    </rPh>
    <rPh sb="9" eb="11">
      <t>ギカイ</t>
    </rPh>
    <rPh sb="12" eb="14">
      <t>ギイン</t>
    </rPh>
    <rPh sb="19" eb="21">
      <t>ジチ</t>
    </rPh>
    <rPh sb="21" eb="23">
      <t>セイド</t>
    </rPh>
    <rPh sb="26" eb="28">
      <t>ベンキョウ</t>
    </rPh>
    <phoneticPr fontId="2"/>
  </si>
  <si>
    <t>伊都・橋本版　貧しい患者の相談役　医療社会事業係</t>
    <rPh sb="0" eb="2">
      <t>イト</t>
    </rPh>
    <rPh sb="3" eb="6">
      <t>ハシモトバン</t>
    </rPh>
    <phoneticPr fontId="2"/>
  </si>
  <si>
    <t>伊都・橋本版　こどもクラブ指導者講習会</t>
    <rPh sb="0" eb="2">
      <t>イト</t>
    </rPh>
    <rPh sb="3" eb="6">
      <t>ハシモトバン</t>
    </rPh>
    <rPh sb="13" eb="16">
      <t>シドウシャ</t>
    </rPh>
    <rPh sb="16" eb="19">
      <t>コウシュウカイ</t>
    </rPh>
    <phoneticPr fontId="2"/>
  </si>
  <si>
    <t>伊都・橋本版　自衛官募集</t>
    <rPh sb="0" eb="2">
      <t>イト</t>
    </rPh>
    <rPh sb="3" eb="6">
      <t>ハシモトバン</t>
    </rPh>
    <rPh sb="7" eb="10">
      <t>ジエイカン</t>
    </rPh>
    <rPh sb="10" eb="12">
      <t>ボシュウ</t>
    </rPh>
    <phoneticPr fontId="2"/>
  </si>
  <si>
    <t>伊都・橋本版　性病予防週間　９月１日～７日</t>
    <rPh sb="0" eb="2">
      <t>イト</t>
    </rPh>
    <rPh sb="3" eb="6">
      <t>ハシモトバン</t>
    </rPh>
    <phoneticPr fontId="2"/>
  </si>
  <si>
    <t>伊都・橋本版　９月１５日　としよりの日　としよりの福祉週間　９月１５日→２１日</t>
    <rPh sb="0" eb="2">
      <t>イト</t>
    </rPh>
    <rPh sb="3" eb="6">
      <t>ハシモトバン</t>
    </rPh>
    <phoneticPr fontId="2"/>
  </si>
  <si>
    <t>有田版　お知らせ　県民の友　文書広報課で編集発行</t>
    <rPh sb="0" eb="3">
      <t>アリダバン</t>
    </rPh>
    <phoneticPr fontId="2"/>
  </si>
  <si>
    <t>有田版　沿岸漁業に"活"　宮崎の鼻、ソノ瀬に魚礁を築く（写真）</t>
    <rPh sb="0" eb="3">
      <t>アリダバン</t>
    </rPh>
    <rPh sb="4" eb="6">
      <t>エンガン</t>
    </rPh>
    <rPh sb="6" eb="8">
      <t>ギョギョウ</t>
    </rPh>
    <rPh sb="10" eb="11">
      <t>カツ</t>
    </rPh>
    <rPh sb="13" eb="15">
      <t>ミヤザキ</t>
    </rPh>
    <rPh sb="16" eb="17">
      <t>ハナ</t>
    </rPh>
    <rPh sb="20" eb="21">
      <t>セ</t>
    </rPh>
    <rPh sb="22" eb="24">
      <t>ギョショウ</t>
    </rPh>
    <rPh sb="25" eb="26">
      <t>キズ</t>
    </rPh>
    <rPh sb="28" eb="30">
      <t>シャシン</t>
    </rPh>
    <phoneticPr fontId="2"/>
  </si>
  <si>
    <t>有田版　七・一八災害林道の復旧工事　来春まで７０％完成へ</t>
    <rPh sb="0" eb="3">
      <t>アリダバン</t>
    </rPh>
    <rPh sb="4" eb="5">
      <t>7</t>
    </rPh>
    <rPh sb="6" eb="8">
      <t>18</t>
    </rPh>
    <rPh sb="8" eb="10">
      <t>サイガイ</t>
    </rPh>
    <rPh sb="10" eb="12">
      <t>リンドウ</t>
    </rPh>
    <rPh sb="13" eb="15">
      <t>フッキュウ</t>
    </rPh>
    <rPh sb="15" eb="17">
      <t>コウジ</t>
    </rPh>
    <rPh sb="18" eb="20">
      <t>ライシュン</t>
    </rPh>
    <rPh sb="25" eb="27">
      <t>カンセイ</t>
    </rPh>
    <phoneticPr fontId="2"/>
  </si>
  <si>
    <t>有田版　生石山で弁論大会</t>
    <rPh sb="0" eb="3">
      <t>アリダバン</t>
    </rPh>
    <rPh sb="4" eb="6">
      <t>オイシ</t>
    </rPh>
    <rPh sb="6" eb="7">
      <t>ヤマ</t>
    </rPh>
    <rPh sb="8" eb="12">
      <t>ベンロンタイカイ</t>
    </rPh>
    <phoneticPr fontId="2"/>
  </si>
  <si>
    <t>有田版　重要文化財めぐり⑤　法蔵寺の鐘楼（写真　旧国宝の鐘楼）</t>
    <rPh sb="0" eb="3">
      <t>アリダバン</t>
    </rPh>
    <rPh sb="4" eb="9">
      <t>ジュウヨウブンカザイ</t>
    </rPh>
    <rPh sb="14" eb="17">
      <t>ホウゾウジ</t>
    </rPh>
    <rPh sb="18" eb="20">
      <t>ショウロウ</t>
    </rPh>
    <rPh sb="21" eb="23">
      <t>シャシン</t>
    </rPh>
    <rPh sb="24" eb="25">
      <t>キュウ</t>
    </rPh>
    <rPh sb="25" eb="27">
      <t>コクホウ</t>
    </rPh>
    <rPh sb="28" eb="30">
      <t>ショウロウ</t>
    </rPh>
    <phoneticPr fontId="2"/>
  </si>
  <si>
    <t>有田版　天神山でキャンプ大会</t>
    <rPh sb="0" eb="3">
      <t>アリダバン</t>
    </rPh>
    <rPh sb="4" eb="7">
      <t>テンジンヤマ</t>
    </rPh>
    <rPh sb="12" eb="14">
      <t>タイカイ</t>
    </rPh>
    <phoneticPr fontId="2"/>
  </si>
  <si>
    <t>有田版　柑橘園九月の行事</t>
    <rPh sb="0" eb="3">
      <t>アリダバン</t>
    </rPh>
    <rPh sb="4" eb="6">
      <t>カンキツ</t>
    </rPh>
    <rPh sb="6" eb="7">
      <t>エン</t>
    </rPh>
    <rPh sb="7" eb="8">
      <t>9</t>
    </rPh>
    <rPh sb="8" eb="9">
      <t>ガツ</t>
    </rPh>
    <rPh sb="10" eb="12">
      <t>ギョウジ</t>
    </rPh>
    <phoneticPr fontId="2"/>
  </si>
  <si>
    <t>有田版　ご挨拶　人事異動　奥山土木出張所長談</t>
    <rPh sb="0" eb="3">
      <t>アリダバン</t>
    </rPh>
    <rPh sb="5" eb="7">
      <t>アイサツ</t>
    </rPh>
    <rPh sb="8" eb="12">
      <t>ジンジイドウ</t>
    </rPh>
    <rPh sb="13" eb="15">
      <t>オクヤマ</t>
    </rPh>
    <rPh sb="15" eb="17">
      <t>ドボク</t>
    </rPh>
    <rPh sb="17" eb="19">
      <t>シュッチョウ</t>
    </rPh>
    <rPh sb="19" eb="21">
      <t>ショチョウ</t>
    </rPh>
    <rPh sb="21" eb="22">
      <t>ダン</t>
    </rPh>
    <phoneticPr fontId="2"/>
  </si>
  <si>
    <t>有田版　ご挨拶　人事異動　薮内税務課長談</t>
    <rPh sb="0" eb="3">
      <t>アリダバン</t>
    </rPh>
    <rPh sb="5" eb="7">
      <t>アイサツ</t>
    </rPh>
    <rPh sb="8" eb="12">
      <t>ジンジイドウ</t>
    </rPh>
    <rPh sb="13" eb="15">
      <t>ヤブウチ</t>
    </rPh>
    <rPh sb="15" eb="17">
      <t>ゼイム</t>
    </rPh>
    <rPh sb="17" eb="19">
      <t>カチョウ</t>
    </rPh>
    <rPh sb="19" eb="20">
      <t>ダン</t>
    </rPh>
    <phoneticPr fontId="2"/>
  </si>
  <si>
    <t>有田版　箕島に伝染病院が完成（写真　伝染病棟）</t>
    <rPh sb="0" eb="3">
      <t>アリダバン</t>
    </rPh>
    <rPh sb="4" eb="6">
      <t>ミノシマ</t>
    </rPh>
    <rPh sb="7" eb="9">
      <t>デンセン</t>
    </rPh>
    <rPh sb="9" eb="11">
      <t>ビョウイン</t>
    </rPh>
    <rPh sb="12" eb="14">
      <t>カンセイ</t>
    </rPh>
    <rPh sb="15" eb="17">
      <t>シャシン</t>
    </rPh>
    <rPh sb="18" eb="20">
      <t>デンセン</t>
    </rPh>
    <rPh sb="20" eb="22">
      <t>ビョウトウ</t>
    </rPh>
    <phoneticPr fontId="2"/>
  </si>
  <si>
    <t>有田版　自衛官募集</t>
    <rPh sb="0" eb="3">
      <t>アリダバン</t>
    </rPh>
    <rPh sb="4" eb="7">
      <t>ジエイカン</t>
    </rPh>
    <rPh sb="7" eb="9">
      <t>ボシュウ</t>
    </rPh>
    <phoneticPr fontId="2"/>
  </si>
  <si>
    <t>有田版　治山事務所開設</t>
    <rPh sb="0" eb="3">
      <t>アリダバン</t>
    </rPh>
    <rPh sb="4" eb="6">
      <t>チサン</t>
    </rPh>
    <rPh sb="6" eb="9">
      <t>ジムショ</t>
    </rPh>
    <rPh sb="9" eb="11">
      <t>カイセツ</t>
    </rPh>
    <phoneticPr fontId="2"/>
  </si>
  <si>
    <t>有田版　性病予防週間　９月１日～７日</t>
    <rPh sb="0" eb="3">
      <t>アリダバン</t>
    </rPh>
    <phoneticPr fontId="2"/>
  </si>
  <si>
    <t>有田版　９月１５日　としよりの日　としよりの福祉週間　９月１５日→２１日</t>
    <rPh sb="0" eb="3">
      <t>アリダバン</t>
    </rPh>
    <phoneticPr fontId="2"/>
  </si>
  <si>
    <t>日高・御坊版　お知らせ　県民の友　文書広報課で編集発行</t>
    <rPh sb="0" eb="2">
      <t>ヒダカ</t>
    </rPh>
    <rPh sb="3" eb="5">
      <t>ゴボウ</t>
    </rPh>
    <rPh sb="5" eb="6">
      <t>バン</t>
    </rPh>
    <phoneticPr fontId="2"/>
  </si>
  <si>
    <t>日高・御坊版　第一期作に成功　日高平野の二期作（写真　第一期作を刈り入れる農民）</t>
    <rPh sb="0" eb="2">
      <t>ヒダカ</t>
    </rPh>
    <rPh sb="3" eb="5">
      <t>ゴボウ</t>
    </rPh>
    <rPh sb="5" eb="6">
      <t>バン</t>
    </rPh>
    <rPh sb="7" eb="8">
      <t>ダイ</t>
    </rPh>
    <rPh sb="8" eb="9">
      <t>1</t>
    </rPh>
    <rPh sb="9" eb="10">
      <t>キ</t>
    </rPh>
    <rPh sb="10" eb="11">
      <t>サク</t>
    </rPh>
    <rPh sb="12" eb="14">
      <t>セイコウ</t>
    </rPh>
    <rPh sb="15" eb="17">
      <t>ヒダカ</t>
    </rPh>
    <rPh sb="17" eb="19">
      <t>ヘイヤ</t>
    </rPh>
    <rPh sb="20" eb="21">
      <t>2</t>
    </rPh>
    <rPh sb="21" eb="22">
      <t>キ</t>
    </rPh>
    <rPh sb="22" eb="23">
      <t>サク</t>
    </rPh>
    <rPh sb="24" eb="26">
      <t>シャシン</t>
    </rPh>
    <rPh sb="27" eb="28">
      <t>ダイ</t>
    </rPh>
    <rPh sb="28" eb="29">
      <t>1</t>
    </rPh>
    <rPh sb="29" eb="30">
      <t>キ</t>
    </rPh>
    <rPh sb="30" eb="31">
      <t>サク</t>
    </rPh>
    <rPh sb="32" eb="33">
      <t>カ</t>
    </rPh>
    <rPh sb="34" eb="35">
      <t>イ</t>
    </rPh>
    <rPh sb="37" eb="39">
      <t>ノウミン</t>
    </rPh>
    <phoneticPr fontId="2"/>
  </si>
  <si>
    <t>日高・御坊版　４Ｈクラブのキャンプ大会</t>
    <rPh sb="0" eb="2">
      <t>ヒダカ</t>
    </rPh>
    <rPh sb="3" eb="5">
      <t>ゴボウ</t>
    </rPh>
    <rPh sb="5" eb="6">
      <t>バン</t>
    </rPh>
    <rPh sb="17" eb="19">
      <t>タイカイ</t>
    </rPh>
    <phoneticPr fontId="2"/>
  </si>
  <si>
    <t>日高・御坊版　躍進つづける日高町（写真　新日高町役場庁舎）</t>
    <rPh sb="0" eb="2">
      <t>ヒダカ</t>
    </rPh>
    <rPh sb="3" eb="5">
      <t>ゴボウ</t>
    </rPh>
    <rPh sb="5" eb="6">
      <t>バン</t>
    </rPh>
    <rPh sb="7" eb="9">
      <t>ヤクシン</t>
    </rPh>
    <rPh sb="13" eb="16">
      <t>ヒダカチョウ</t>
    </rPh>
    <rPh sb="17" eb="19">
      <t>シャシン</t>
    </rPh>
    <rPh sb="20" eb="21">
      <t>シン</t>
    </rPh>
    <rPh sb="21" eb="24">
      <t>ヒダカチョウ</t>
    </rPh>
    <rPh sb="24" eb="26">
      <t>ヤクバ</t>
    </rPh>
    <rPh sb="26" eb="28">
      <t>チョウシャ</t>
    </rPh>
    <phoneticPr fontId="2"/>
  </si>
  <si>
    <t>日高・御坊版　成体検、好成績</t>
    <rPh sb="0" eb="2">
      <t>ヒダカ</t>
    </rPh>
    <rPh sb="3" eb="5">
      <t>ゴボウ</t>
    </rPh>
    <rPh sb="5" eb="6">
      <t>バン</t>
    </rPh>
    <phoneticPr fontId="2"/>
  </si>
  <si>
    <t>日高・御坊版　実践法決る　生活改善事業</t>
    <rPh sb="0" eb="2">
      <t>ヒダカ</t>
    </rPh>
    <rPh sb="3" eb="5">
      <t>ゴボウ</t>
    </rPh>
    <rPh sb="5" eb="6">
      <t>バン</t>
    </rPh>
    <phoneticPr fontId="2"/>
  </si>
  <si>
    <t>日高・御坊版　貧しい患者の相談役　医療社会事業係</t>
    <rPh sb="0" eb="2">
      <t>ヒダカ</t>
    </rPh>
    <rPh sb="3" eb="5">
      <t>ゴボウ</t>
    </rPh>
    <rPh sb="5" eb="6">
      <t>バン</t>
    </rPh>
    <phoneticPr fontId="2"/>
  </si>
  <si>
    <t>日高・御坊版　新生活熱あがる　各地で移民懇談会も</t>
    <rPh sb="0" eb="2">
      <t>ヒダカ</t>
    </rPh>
    <rPh sb="3" eb="5">
      <t>ゴボウ</t>
    </rPh>
    <rPh sb="5" eb="6">
      <t>バン</t>
    </rPh>
    <rPh sb="7" eb="10">
      <t>シンセイカツ</t>
    </rPh>
    <rPh sb="10" eb="11">
      <t>ネツ</t>
    </rPh>
    <rPh sb="15" eb="17">
      <t>カクチ</t>
    </rPh>
    <rPh sb="18" eb="20">
      <t>イミン</t>
    </rPh>
    <rPh sb="20" eb="23">
      <t>コンダンカイ</t>
    </rPh>
    <phoneticPr fontId="2"/>
  </si>
  <si>
    <t>日高・御坊版　よろこばれる御坊教委　夜の放送</t>
    <rPh sb="0" eb="2">
      <t>ヒダカ</t>
    </rPh>
    <rPh sb="3" eb="5">
      <t>ゴボウ</t>
    </rPh>
    <rPh sb="5" eb="6">
      <t>バン</t>
    </rPh>
    <rPh sb="13" eb="15">
      <t>ゴボウ</t>
    </rPh>
    <rPh sb="15" eb="17">
      <t>キョウイ</t>
    </rPh>
    <rPh sb="18" eb="19">
      <t>ヨル</t>
    </rPh>
    <rPh sb="20" eb="22">
      <t>ホウソウ</t>
    </rPh>
    <phoneticPr fontId="2"/>
  </si>
  <si>
    <t>日高・御坊版　自衛官募集</t>
    <rPh sb="0" eb="2">
      <t>ヒダカ</t>
    </rPh>
    <rPh sb="3" eb="5">
      <t>ゴボウ</t>
    </rPh>
    <rPh sb="5" eb="6">
      <t>バン</t>
    </rPh>
    <rPh sb="7" eb="12">
      <t>ジエイカンボシュウ</t>
    </rPh>
    <phoneticPr fontId="2"/>
  </si>
  <si>
    <t>日高・御坊版　国保加入へ　医療調査を実施</t>
    <rPh sb="0" eb="2">
      <t>ヒダカ</t>
    </rPh>
    <rPh sb="3" eb="5">
      <t>ゴボウ</t>
    </rPh>
    <rPh sb="5" eb="6">
      <t>バン</t>
    </rPh>
    <rPh sb="7" eb="9">
      <t>コクホ</t>
    </rPh>
    <rPh sb="9" eb="11">
      <t>カニュウ</t>
    </rPh>
    <rPh sb="13" eb="15">
      <t>イリョウ</t>
    </rPh>
    <rPh sb="15" eb="17">
      <t>チョウサ</t>
    </rPh>
    <rPh sb="18" eb="20">
      <t>ジッシ</t>
    </rPh>
    <phoneticPr fontId="2"/>
  </si>
  <si>
    <t>日高・御坊版　性病予防週間　９月１日～７日</t>
    <rPh sb="0" eb="2">
      <t>ヒダカ</t>
    </rPh>
    <rPh sb="3" eb="5">
      <t>ゴボウ</t>
    </rPh>
    <rPh sb="5" eb="6">
      <t>バン</t>
    </rPh>
    <phoneticPr fontId="2"/>
  </si>
  <si>
    <t>日高・御坊版　９月１５日　としよりの日　としよりの福祉週間　９月１５日→２１日</t>
    <rPh sb="0" eb="2">
      <t>ヒダカ</t>
    </rPh>
    <rPh sb="3" eb="5">
      <t>ゴボウ</t>
    </rPh>
    <rPh sb="5" eb="6">
      <t>バン</t>
    </rPh>
    <phoneticPr fontId="2"/>
  </si>
  <si>
    <t>西牟婁・田辺版　お知らせ　県民の友　文書広報課で編集発行</t>
    <rPh sb="0" eb="3">
      <t>ニシムロ</t>
    </rPh>
    <rPh sb="4" eb="6">
      <t>タナベ</t>
    </rPh>
    <rPh sb="6" eb="7">
      <t>バン</t>
    </rPh>
    <phoneticPr fontId="2"/>
  </si>
  <si>
    <t>西牟婁・田辺版　白浜温泉公園計画進む（写真　ハマユウ咲く白浜温泉）</t>
    <rPh sb="0" eb="3">
      <t>ニシムロ</t>
    </rPh>
    <rPh sb="4" eb="6">
      <t>タナベ</t>
    </rPh>
    <rPh sb="6" eb="7">
      <t>バン</t>
    </rPh>
    <rPh sb="8" eb="10">
      <t>シラハマ</t>
    </rPh>
    <rPh sb="10" eb="12">
      <t>オンセン</t>
    </rPh>
    <rPh sb="12" eb="14">
      <t>コウエン</t>
    </rPh>
    <rPh sb="14" eb="16">
      <t>ケイカク</t>
    </rPh>
    <rPh sb="16" eb="17">
      <t>スス</t>
    </rPh>
    <rPh sb="19" eb="21">
      <t>シャシン</t>
    </rPh>
    <rPh sb="26" eb="27">
      <t>サ</t>
    </rPh>
    <rPh sb="28" eb="30">
      <t>シラハマ</t>
    </rPh>
    <rPh sb="30" eb="32">
      <t>オンセン</t>
    </rPh>
    <phoneticPr fontId="2"/>
  </si>
  <si>
    <t>西牟婁・田辺版　治山工事着工　近野村など三カ所で</t>
    <rPh sb="0" eb="3">
      <t>ニシムロ</t>
    </rPh>
    <rPh sb="4" eb="6">
      <t>タナベ</t>
    </rPh>
    <rPh sb="6" eb="7">
      <t>バン</t>
    </rPh>
    <rPh sb="8" eb="10">
      <t>チサン</t>
    </rPh>
    <rPh sb="10" eb="12">
      <t>コウジ</t>
    </rPh>
    <rPh sb="12" eb="14">
      <t>チャッコウ</t>
    </rPh>
    <rPh sb="15" eb="17">
      <t>チカノ</t>
    </rPh>
    <rPh sb="17" eb="18">
      <t>ムラ</t>
    </rPh>
    <rPh sb="20" eb="21">
      <t>3</t>
    </rPh>
    <rPh sb="22" eb="23">
      <t>ショ</t>
    </rPh>
    <phoneticPr fontId="2"/>
  </si>
  <si>
    <t>西牟婁・田辺版　田辺市の新生活運動</t>
    <rPh sb="0" eb="3">
      <t>ニシムロ</t>
    </rPh>
    <rPh sb="4" eb="6">
      <t>タナベ</t>
    </rPh>
    <rPh sb="6" eb="7">
      <t>バン</t>
    </rPh>
    <rPh sb="8" eb="11">
      <t>タナベシ</t>
    </rPh>
    <rPh sb="12" eb="15">
      <t>シンセイカツ</t>
    </rPh>
    <rPh sb="15" eb="17">
      <t>ウンドウ</t>
    </rPh>
    <phoneticPr fontId="2"/>
  </si>
  <si>
    <t>西牟婁・田辺版　観光開発を期待　脚光あびる江須崎島（写真　珍しいウバメガシ純林）</t>
    <rPh sb="0" eb="3">
      <t>ニシムロ</t>
    </rPh>
    <rPh sb="4" eb="6">
      <t>タナベ</t>
    </rPh>
    <rPh sb="6" eb="7">
      <t>バン</t>
    </rPh>
    <rPh sb="8" eb="10">
      <t>カンコウ</t>
    </rPh>
    <rPh sb="10" eb="12">
      <t>カイハツ</t>
    </rPh>
    <rPh sb="13" eb="15">
      <t>キタイ</t>
    </rPh>
    <rPh sb="16" eb="18">
      <t>キャッコウ</t>
    </rPh>
    <rPh sb="21" eb="22">
      <t>エ</t>
    </rPh>
    <rPh sb="22" eb="23">
      <t>ス</t>
    </rPh>
    <rPh sb="23" eb="24">
      <t>サキ</t>
    </rPh>
    <rPh sb="24" eb="25">
      <t>シマ</t>
    </rPh>
    <rPh sb="26" eb="28">
      <t>シャシン</t>
    </rPh>
    <rPh sb="29" eb="30">
      <t>メズラ</t>
    </rPh>
    <rPh sb="37" eb="38">
      <t>ジュン</t>
    </rPh>
    <rPh sb="38" eb="39">
      <t>ハヤシ</t>
    </rPh>
    <phoneticPr fontId="2"/>
  </si>
  <si>
    <t>西牟婁・田辺版　杉林に枝枯病　北富田村で一斉消毒（写真）</t>
    <rPh sb="0" eb="3">
      <t>ニシムロ</t>
    </rPh>
    <rPh sb="4" eb="6">
      <t>タナベ</t>
    </rPh>
    <rPh sb="6" eb="7">
      <t>バン</t>
    </rPh>
    <rPh sb="8" eb="10">
      <t>スギバヤシ</t>
    </rPh>
    <rPh sb="11" eb="12">
      <t>エダ</t>
    </rPh>
    <rPh sb="12" eb="13">
      <t>カ</t>
    </rPh>
    <rPh sb="13" eb="14">
      <t>ビョウ</t>
    </rPh>
    <rPh sb="15" eb="16">
      <t>キタ</t>
    </rPh>
    <rPh sb="16" eb="18">
      <t>トンダ</t>
    </rPh>
    <rPh sb="18" eb="19">
      <t>ムラ</t>
    </rPh>
    <rPh sb="20" eb="22">
      <t>イッセイ</t>
    </rPh>
    <rPh sb="22" eb="24">
      <t>ショウドク</t>
    </rPh>
    <rPh sb="25" eb="27">
      <t>シャシン</t>
    </rPh>
    <phoneticPr fontId="2"/>
  </si>
  <si>
    <t>西牟婁・田辺版　上秋津村の家族計画</t>
    <rPh sb="0" eb="3">
      <t>ニシムロ</t>
    </rPh>
    <rPh sb="4" eb="6">
      <t>タナベ</t>
    </rPh>
    <rPh sb="6" eb="7">
      <t>バン</t>
    </rPh>
    <rPh sb="8" eb="9">
      <t>カミ</t>
    </rPh>
    <rPh sb="9" eb="11">
      <t>アキヅ</t>
    </rPh>
    <rPh sb="11" eb="12">
      <t>ムラ</t>
    </rPh>
    <rPh sb="13" eb="15">
      <t>カゾク</t>
    </rPh>
    <rPh sb="15" eb="17">
      <t>ケイカク</t>
    </rPh>
    <phoneticPr fontId="2"/>
  </si>
  <si>
    <t>西牟婁・田辺版　"修練は生涯のもの"　帰郷の髙川氏語る</t>
    <rPh sb="0" eb="3">
      <t>ニシムロ</t>
    </rPh>
    <rPh sb="4" eb="6">
      <t>タナベ</t>
    </rPh>
    <rPh sb="6" eb="7">
      <t>バン</t>
    </rPh>
    <rPh sb="9" eb="11">
      <t>シュウレン</t>
    </rPh>
    <rPh sb="12" eb="14">
      <t>ショウガイ</t>
    </rPh>
    <rPh sb="19" eb="21">
      <t>キキョウ</t>
    </rPh>
    <rPh sb="22" eb="24">
      <t>タカガワ</t>
    </rPh>
    <rPh sb="24" eb="25">
      <t>シ</t>
    </rPh>
    <rPh sb="25" eb="26">
      <t>カタ</t>
    </rPh>
    <phoneticPr fontId="2"/>
  </si>
  <si>
    <t>西牟婁・田辺版　自衛官募集</t>
    <rPh sb="0" eb="3">
      <t>ニシムロ</t>
    </rPh>
    <rPh sb="4" eb="6">
      <t>タナベ</t>
    </rPh>
    <rPh sb="6" eb="7">
      <t>バン</t>
    </rPh>
    <rPh sb="8" eb="11">
      <t>ジエイカン</t>
    </rPh>
    <rPh sb="11" eb="13">
      <t>ボシュウ</t>
    </rPh>
    <phoneticPr fontId="2"/>
  </si>
  <si>
    <t>西牟婁・田辺版　貧しい患者の相談役　医療社会事業係</t>
    <rPh sb="0" eb="3">
      <t>ニシムロ</t>
    </rPh>
    <rPh sb="4" eb="6">
      <t>タナベ</t>
    </rPh>
    <rPh sb="6" eb="7">
      <t>バン</t>
    </rPh>
    <phoneticPr fontId="2"/>
  </si>
  <si>
    <t>西牟婁・田辺版　江住村の国道改修　今月末に竣工　防災にも一役</t>
    <rPh sb="0" eb="3">
      <t>ニシムロ</t>
    </rPh>
    <rPh sb="4" eb="6">
      <t>タナベ</t>
    </rPh>
    <rPh sb="6" eb="7">
      <t>バン</t>
    </rPh>
    <rPh sb="8" eb="10">
      <t>エスミ</t>
    </rPh>
    <rPh sb="10" eb="11">
      <t>ムラ</t>
    </rPh>
    <rPh sb="12" eb="14">
      <t>コクドウ</t>
    </rPh>
    <rPh sb="14" eb="16">
      <t>カイシュウ</t>
    </rPh>
    <rPh sb="17" eb="20">
      <t>コンゲツマツ</t>
    </rPh>
    <rPh sb="21" eb="23">
      <t>シュンコウ</t>
    </rPh>
    <rPh sb="24" eb="26">
      <t>ボウサイ</t>
    </rPh>
    <rPh sb="28" eb="30">
      <t>ヒトヤク</t>
    </rPh>
    <phoneticPr fontId="2"/>
  </si>
  <si>
    <t>西牟婁・田辺版　性病予防週間　９月１日～７日</t>
    <rPh sb="0" eb="3">
      <t>ニシムロ</t>
    </rPh>
    <rPh sb="4" eb="6">
      <t>タナベ</t>
    </rPh>
    <rPh sb="6" eb="7">
      <t>バン</t>
    </rPh>
    <phoneticPr fontId="2"/>
  </si>
  <si>
    <t>西牟婁・田辺版　９月１５日　としよりの日　としよりの福祉週間　９月１５日→２１日</t>
    <rPh sb="0" eb="3">
      <t>ニシムロ</t>
    </rPh>
    <rPh sb="4" eb="6">
      <t>タナベ</t>
    </rPh>
    <rPh sb="6" eb="7">
      <t>バン</t>
    </rPh>
    <phoneticPr fontId="2"/>
  </si>
  <si>
    <t>東牟婁・新宮版　激減した結核死　まだ延びる平均寿命</t>
    <rPh sb="0" eb="3">
      <t>ヒガシムロ</t>
    </rPh>
    <rPh sb="4" eb="7">
      <t>シングウバン</t>
    </rPh>
    <rPh sb="8" eb="10">
      <t>ゲキゲン</t>
    </rPh>
    <rPh sb="12" eb="14">
      <t>ケッカク</t>
    </rPh>
    <rPh sb="14" eb="15">
      <t>シ</t>
    </rPh>
    <rPh sb="18" eb="19">
      <t>ノ</t>
    </rPh>
    <rPh sb="21" eb="23">
      <t>ヘイキン</t>
    </rPh>
    <rPh sb="23" eb="25">
      <t>ジュミョウ</t>
    </rPh>
    <phoneticPr fontId="2"/>
  </si>
  <si>
    <t>東牟婁・新宮版　請川－椋呂間　一気に開通へ（写真　完成間近い枯木谷橋）</t>
    <rPh sb="0" eb="3">
      <t>ヒガシムロ</t>
    </rPh>
    <rPh sb="4" eb="7">
      <t>シングウバン</t>
    </rPh>
    <rPh sb="8" eb="10">
      <t>ウケガワ</t>
    </rPh>
    <rPh sb="11" eb="12">
      <t>リョウ</t>
    </rPh>
    <rPh sb="12" eb="13">
      <t>ロ</t>
    </rPh>
    <rPh sb="13" eb="14">
      <t>アイダ</t>
    </rPh>
    <rPh sb="15" eb="17">
      <t>イッキ</t>
    </rPh>
    <rPh sb="18" eb="20">
      <t>カイツウ</t>
    </rPh>
    <rPh sb="22" eb="24">
      <t>シャシン</t>
    </rPh>
    <rPh sb="25" eb="27">
      <t>カンセイ</t>
    </rPh>
    <rPh sb="27" eb="29">
      <t>マヂカ</t>
    </rPh>
    <rPh sb="30" eb="34">
      <t>カレキダニハシ</t>
    </rPh>
    <phoneticPr fontId="2"/>
  </si>
  <si>
    <t>東牟婁・新宮版　三里村農協　全国でも優秀　知事から表彰旗授与（写真　表彰式）</t>
    <rPh sb="0" eb="3">
      <t>ヒガシムロ</t>
    </rPh>
    <rPh sb="4" eb="7">
      <t>シングウバン</t>
    </rPh>
    <rPh sb="8" eb="9">
      <t>サン</t>
    </rPh>
    <rPh sb="9" eb="10">
      <t>サト</t>
    </rPh>
    <rPh sb="10" eb="11">
      <t>ムラ</t>
    </rPh>
    <rPh sb="11" eb="13">
      <t>ノウキョウ</t>
    </rPh>
    <rPh sb="14" eb="16">
      <t>ゼンコク</t>
    </rPh>
    <rPh sb="18" eb="20">
      <t>ユウシュウ</t>
    </rPh>
    <rPh sb="21" eb="23">
      <t>チジ</t>
    </rPh>
    <rPh sb="25" eb="27">
      <t>ヒョウショウ</t>
    </rPh>
    <rPh sb="27" eb="28">
      <t>ハタ</t>
    </rPh>
    <rPh sb="28" eb="30">
      <t>ジュヨ</t>
    </rPh>
    <rPh sb="31" eb="33">
      <t>シャシン</t>
    </rPh>
    <rPh sb="34" eb="36">
      <t>ヒョウショウ</t>
    </rPh>
    <rPh sb="36" eb="37">
      <t>シキ</t>
    </rPh>
    <phoneticPr fontId="2"/>
  </si>
  <si>
    <t>東牟婁・新宮版　暖地園芸に明るい見通し</t>
    <rPh sb="0" eb="3">
      <t>ヒガシムロ</t>
    </rPh>
    <rPh sb="4" eb="7">
      <t>シングウバン</t>
    </rPh>
    <rPh sb="8" eb="10">
      <t>ダンチ</t>
    </rPh>
    <rPh sb="10" eb="12">
      <t>エンゲイ</t>
    </rPh>
    <rPh sb="13" eb="14">
      <t>アカ</t>
    </rPh>
    <rPh sb="16" eb="18">
      <t>ミトオ</t>
    </rPh>
    <phoneticPr fontId="2"/>
  </si>
  <si>
    <t>東牟婁・新宮版　北米移民留守家族懇談会</t>
    <rPh sb="0" eb="3">
      <t>ヒガシムロ</t>
    </rPh>
    <rPh sb="4" eb="7">
      <t>シングウバン</t>
    </rPh>
    <rPh sb="8" eb="10">
      <t>ホクベイ</t>
    </rPh>
    <rPh sb="10" eb="12">
      <t>イミン</t>
    </rPh>
    <rPh sb="12" eb="14">
      <t>ルス</t>
    </rPh>
    <rPh sb="14" eb="16">
      <t>カゾク</t>
    </rPh>
    <rPh sb="16" eb="18">
      <t>コンダン</t>
    </rPh>
    <rPh sb="18" eb="19">
      <t>カイ</t>
    </rPh>
    <phoneticPr fontId="2"/>
  </si>
  <si>
    <t>東牟婁・新宮版　紀南に豪雨</t>
    <rPh sb="0" eb="3">
      <t>ヒガシムロ</t>
    </rPh>
    <rPh sb="4" eb="7">
      <t>シングウバン</t>
    </rPh>
    <rPh sb="8" eb="10">
      <t>キナン</t>
    </rPh>
    <rPh sb="11" eb="13">
      <t>ゴウウ</t>
    </rPh>
    <phoneticPr fontId="2"/>
  </si>
  <si>
    <t>東牟婁・新宮版　全国高校野球選手権大会　紀和代表新宮高校チーム（写真　健斗した</t>
    <rPh sb="0" eb="3">
      <t>ヒガシムロ</t>
    </rPh>
    <rPh sb="4" eb="7">
      <t>シングウバン</t>
    </rPh>
    <rPh sb="8" eb="10">
      <t>ゼンコク</t>
    </rPh>
    <rPh sb="10" eb="12">
      <t>コウコウ</t>
    </rPh>
    <rPh sb="12" eb="14">
      <t>ヤキュウ</t>
    </rPh>
    <rPh sb="14" eb="19">
      <t>センシュケンタイカイ</t>
    </rPh>
    <rPh sb="20" eb="22">
      <t>キワ</t>
    </rPh>
    <rPh sb="22" eb="24">
      <t>ダイヒョウ</t>
    </rPh>
    <rPh sb="24" eb="26">
      <t>シングウ</t>
    </rPh>
    <rPh sb="26" eb="28">
      <t>コウコウ</t>
    </rPh>
    <rPh sb="32" eb="34">
      <t>シャシン</t>
    </rPh>
    <rPh sb="35" eb="37">
      <t>ケント</t>
    </rPh>
    <phoneticPr fontId="2"/>
  </si>
  <si>
    <t>東牟婁・新宮版　町村めぐり　小川村</t>
    <rPh sb="0" eb="3">
      <t>ヒガシムロ</t>
    </rPh>
    <rPh sb="4" eb="7">
      <t>シングウバン</t>
    </rPh>
    <rPh sb="8" eb="10">
      <t>チョウソン</t>
    </rPh>
    <rPh sb="14" eb="17">
      <t>オガワムラ</t>
    </rPh>
    <phoneticPr fontId="2"/>
  </si>
  <si>
    <t>東牟婁・新宮版　原爆許すまじ　新宮市の平和まつり</t>
    <rPh sb="0" eb="3">
      <t>ヒガシムロ</t>
    </rPh>
    <rPh sb="4" eb="7">
      <t>シングウバン</t>
    </rPh>
    <rPh sb="8" eb="10">
      <t>ゲンバク</t>
    </rPh>
    <rPh sb="10" eb="11">
      <t>ユル</t>
    </rPh>
    <rPh sb="15" eb="18">
      <t>シングウシ</t>
    </rPh>
    <rPh sb="19" eb="21">
      <t>ヘイワ</t>
    </rPh>
    <phoneticPr fontId="2"/>
  </si>
  <si>
    <t>東牟婁・新宮版　性病予防週間　９月１日～７日</t>
    <rPh sb="0" eb="3">
      <t>ヒガシムロ</t>
    </rPh>
    <rPh sb="4" eb="7">
      <t>シングウバン</t>
    </rPh>
    <phoneticPr fontId="2"/>
  </si>
  <si>
    <t>東牟婁・新宮版　９月１５日　としよりの日　としよりの福祉週間　９月１５日→２１日</t>
    <rPh sb="0" eb="3">
      <t>ヒガシムロ</t>
    </rPh>
    <rPh sb="4" eb="7">
      <t>シングウバン</t>
    </rPh>
    <phoneticPr fontId="2"/>
  </si>
  <si>
    <t>有田川　日高川　奥地復旧に本腰　治山事業２２億円を十年計画で（写真　清水町安諦に完成した砂防堰堤）</t>
    <rPh sb="0" eb="3">
      <t>アリダガワ</t>
    </rPh>
    <rPh sb="4" eb="7">
      <t>ヒダカガワ</t>
    </rPh>
    <rPh sb="8" eb="10">
      <t>オクチ</t>
    </rPh>
    <rPh sb="10" eb="12">
      <t>フッキュウ</t>
    </rPh>
    <rPh sb="13" eb="15">
      <t>ホンゴシ</t>
    </rPh>
    <rPh sb="16" eb="18">
      <t>チサン</t>
    </rPh>
    <rPh sb="18" eb="20">
      <t>ジギョウ</t>
    </rPh>
    <rPh sb="22" eb="24">
      <t>オクエン</t>
    </rPh>
    <rPh sb="25" eb="26">
      <t>10</t>
    </rPh>
    <rPh sb="26" eb="27">
      <t>ネン</t>
    </rPh>
    <rPh sb="27" eb="29">
      <t>ケイカク</t>
    </rPh>
    <rPh sb="31" eb="33">
      <t>シャシン</t>
    </rPh>
    <rPh sb="34" eb="37">
      <t>シミズチョウ</t>
    </rPh>
    <rPh sb="37" eb="38">
      <t>アン</t>
    </rPh>
    <rPh sb="38" eb="39">
      <t>テイ</t>
    </rPh>
    <rPh sb="40" eb="42">
      <t>カンセイ</t>
    </rPh>
    <rPh sb="44" eb="46">
      <t>サボウ</t>
    </rPh>
    <rPh sb="46" eb="48">
      <t>セキテイ</t>
    </rPh>
    <phoneticPr fontId="2"/>
  </si>
  <si>
    <t>"冠婚葬祭の改善"強調月間に寄せて</t>
    <rPh sb="1" eb="5">
      <t>カンコンソウサイ</t>
    </rPh>
    <rPh sb="6" eb="8">
      <t>カイゼン</t>
    </rPh>
    <rPh sb="9" eb="11">
      <t>キョウチョウ</t>
    </rPh>
    <rPh sb="11" eb="13">
      <t>ゲッカン</t>
    </rPh>
    <rPh sb="14" eb="15">
      <t>ヨ</t>
    </rPh>
    <phoneticPr fontId="2"/>
  </si>
  <si>
    <t>県庁各課室の配置かわる</t>
    <rPh sb="0" eb="2">
      <t>ケンチョウ</t>
    </rPh>
    <rPh sb="2" eb="3">
      <t>カク</t>
    </rPh>
    <rPh sb="3" eb="4">
      <t>カ</t>
    </rPh>
    <rPh sb="4" eb="5">
      <t>シツ</t>
    </rPh>
    <rPh sb="6" eb="8">
      <t>ハイチ</t>
    </rPh>
    <phoneticPr fontId="2"/>
  </si>
  <si>
    <t>県費補助住宅４０戸を割当</t>
    <rPh sb="0" eb="2">
      <t>ケンピ</t>
    </rPh>
    <rPh sb="2" eb="4">
      <t>ホジョ</t>
    </rPh>
    <rPh sb="4" eb="6">
      <t>ジュウタク</t>
    </rPh>
    <rPh sb="8" eb="9">
      <t>コ</t>
    </rPh>
    <rPh sb="10" eb="12">
      <t>ワリアテ</t>
    </rPh>
    <phoneticPr fontId="2"/>
  </si>
  <si>
    <t>県庁への電話についてお願い</t>
    <rPh sb="0" eb="2">
      <t>ケンチョウ</t>
    </rPh>
    <rPh sb="4" eb="6">
      <t>デンワ</t>
    </rPh>
    <rPh sb="11" eb="12">
      <t>ネガ</t>
    </rPh>
    <phoneticPr fontId="2"/>
  </si>
  <si>
    <t>赤い羽根共同募金運動はじまる　１０月１日→３１日</t>
    <rPh sb="0" eb="1">
      <t>アカ</t>
    </rPh>
    <rPh sb="2" eb="4">
      <t>ハネ</t>
    </rPh>
    <rPh sb="4" eb="6">
      <t>キョウドウ</t>
    </rPh>
    <rPh sb="6" eb="8">
      <t>ボキン</t>
    </rPh>
    <rPh sb="8" eb="10">
      <t>ウンドウ</t>
    </rPh>
    <rPh sb="17" eb="18">
      <t>ガツ</t>
    </rPh>
    <rPh sb="19" eb="20">
      <t>ヒ</t>
    </rPh>
    <rPh sb="23" eb="24">
      <t>ニチ</t>
    </rPh>
    <phoneticPr fontId="2"/>
  </si>
  <si>
    <t>結核予防週間　１０月２５日→３１日</t>
    <rPh sb="0" eb="2">
      <t>ケッカク</t>
    </rPh>
    <rPh sb="2" eb="4">
      <t>ヨボウ</t>
    </rPh>
    <rPh sb="4" eb="6">
      <t>シュウカン</t>
    </rPh>
    <rPh sb="9" eb="10">
      <t>ガツ</t>
    </rPh>
    <rPh sb="12" eb="13">
      <t>ニチ</t>
    </rPh>
    <rPh sb="16" eb="17">
      <t>ニチ</t>
    </rPh>
    <phoneticPr fontId="2"/>
  </si>
  <si>
    <t>自立促進貯蓄運動　１０月２０日まで</t>
    <rPh sb="0" eb="2">
      <t>ジリツ</t>
    </rPh>
    <rPh sb="2" eb="4">
      <t>ソクシン</t>
    </rPh>
    <rPh sb="4" eb="6">
      <t>チョチク</t>
    </rPh>
    <rPh sb="6" eb="8">
      <t>ウンドウ</t>
    </rPh>
    <rPh sb="11" eb="12">
      <t>ガツ</t>
    </rPh>
    <rPh sb="14" eb="15">
      <t>ヒ</t>
    </rPh>
    <phoneticPr fontId="2"/>
  </si>
  <si>
    <t>１０月新生活の建設運動　冠婚葬祭の改善強調月間</t>
    <rPh sb="2" eb="3">
      <t>ガツ</t>
    </rPh>
    <rPh sb="3" eb="6">
      <t>シンセイカツ</t>
    </rPh>
    <rPh sb="7" eb="9">
      <t>ケンセツ</t>
    </rPh>
    <rPh sb="9" eb="11">
      <t>ウンドウ</t>
    </rPh>
    <rPh sb="12" eb="16">
      <t>カンコンソウサイ</t>
    </rPh>
    <rPh sb="17" eb="19">
      <t>カイゼン</t>
    </rPh>
    <rPh sb="19" eb="21">
      <t>キョウチョウ</t>
    </rPh>
    <rPh sb="21" eb="23">
      <t>ゲッカン</t>
    </rPh>
    <phoneticPr fontId="2"/>
  </si>
  <si>
    <t>新生活のページ　披露宴の料理　結婚衣裳</t>
    <rPh sb="0" eb="3">
      <t>シンセイカツ</t>
    </rPh>
    <rPh sb="8" eb="11">
      <t>ヒロウエン</t>
    </rPh>
    <rPh sb="12" eb="14">
      <t>リョウリ</t>
    </rPh>
    <rPh sb="15" eb="17">
      <t>ケッコン</t>
    </rPh>
    <rPh sb="17" eb="19">
      <t>イショウ</t>
    </rPh>
    <phoneticPr fontId="2"/>
  </si>
  <si>
    <t>タマネギベト病　追放へ根本策を樹立</t>
    <rPh sb="6" eb="7">
      <t>ビョウ</t>
    </rPh>
    <rPh sb="8" eb="10">
      <t>ツイホウ</t>
    </rPh>
    <rPh sb="11" eb="14">
      <t>コンポンサク</t>
    </rPh>
    <rPh sb="15" eb="17">
      <t>ジュリツ</t>
    </rPh>
    <phoneticPr fontId="2"/>
  </si>
  <si>
    <t>森永粉ミルクＭＬ、ＭＣ製品　販売を９月製から許可</t>
    <rPh sb="0" eb="2">
      <t>モリナガ</t>
    </rPh>
    <rPh sb="2" eb="3">
      <t>コナ</t>
    </rPh>
    <rPh sb="11" eb="13">
      <t>セイヒン</t>
    </rPh>
    <rPh sb="14" eb="16">
      <t>ハンバイ</t>
    </rPh>
    <rPh sb="18" eb="19">
      <t>ガツ</t>
    </rPh>
    <rPh sb="19" eb="20">
      <t>セイ</t>
    </rPh>
    <rPh sb="22" eb="24">
      <t>キョカ</t>
    </rPh>
    <phoneticPr fontId="2"/>
  </si>
  <si>
    <t>お国自慢③　日本で最古　池田トンネル（写真　トンネル内で語る向井さん）那賀郡地方事務所</t>
    <rPh sb="1" eb="2">
      <t>クニ</t>
    </rPh>
    <rPh sb="2" eb="4">
      <t>ジマン</t>
    </rPh>
    <rPh sb="6" eb="8">
      <t>ニホン</t>
    </rPh>
    <rPh sb="9" eb="11">
      <t>サイコ</t>
    </rPh>
    <rPh sb="12" eb="14">
      <t>イケダ</t>
    </rPh>
    <rPh sb="19" eb="21">
      <t>シャシン</t>
    </rPh>
    <rPh sb="26" eb="27">
      <t>ナイ</t>
    </rPh>
    <rPh sb="28" eb="29">
      <t>カタ</t>
    </rPh>
    <rPh sb="30" eb="32">
      <t>ムカイ</t>
    </rPh>
    <rPh sb="35" eb="38">
      <t>ナガグン</t>
    </rPh>
    <rPh sb="38" eb="40">
      <t>チホウ</t>
    </rPh>
    <rPh sb="40" eb="43">
      <t>ジムショ</t>
    </rPh>
    <phoneticPr fontId="2"/>
  </si>
  <si>
    <t>第８回農業まつり終る（写真　第一会場（市内太田県農業試験場）で熱心に説明を聞く小野知事　第二会場（本町公園）全景）</t>
    <rPh sb="0" eb="1">
      <t>ダイ</t>
    </rPh>
    <rPh sb="2" eb="3">
      <t>カイ</t>
    </rPh>
    <rPh sb="3" eb="5">
      <t>ノウギョウ</t>
    </rPh>
    <rPh sb="8" eb="9">
      <t>オワ</t>
    </rPh>
    <rPh sb="11" eb="13">
      <t>シャシン</t>
    </rPh>
    <rPh sb="14" eb="15">
      <t>ダイ</t>
    </rPh>
    <rPh sb="15" eb="16">
      <t>1</t>
    </rPh>
    <rPh sb="16" eb="18">
      <t>カイジョウ</t>
    </rPh>
    <rPh sb="19" eb="21">
      <t>シナイ</t>
    </rPh>
    <rPh sb="21" eb="23">
      <t>オオタ</t>
    </rPh>
    <rPh sb="23" eb="24">
      <t>ケン</t>
    </rPh>
    <rPh sb="24" eb="26">
      <t>ノウギョウ</t>
    </rPh>
    <rPh sb="26" eb="29">
      <t>シケンジョウ</t>
    </rPh>
    <rPh sb="31" eb="33">
      <t>ネッシン</t>
    </rPh>
    <rPh sb="34" eb="36">
      <t>セツメイ</t>
    </rPh>
    <rPh sb="37" eb="38">
      <t>キ</t>
    </rPh>
    <rPh sb="39" eb="41">
      <t>オノ</t>
    </rPh>
    <rPh sb="41" eb="43">
      <t>チジ</t>
    </rPh>
    <rPh sb="44" eb="45">
      <t>ダイ</t>
    </rPh>
    <rPh sb="45" eb="46">
      <t>2</t>
    </rPh>
    <rPh sb="46" eb="48">
      <t>カイジョウ</t>
    </rPh>
    <rPh sb="49" eb="51">
      <t>ホンマチ</t>
    </rPh>
    <rPh sb="51" eb="53">
      <t>コウエン</t>
    </rPh>
    <rPh sb="54" eb="56">
      <t>ゼンケイ</t>
    </rPh>
    <phoneticPr fontId="2"/>
  </si>
  <si>
    <t>やはり母乳が一番　頼られすぎる人工栄養</t>
    <rPh sb="3" eb="5">
      <t>ボニュウ</t>
    </rPh>
    <rPh sb="6" eb="8">
      <t>イチバン</t>
    </rPh>
    <rPh sb="9" eb="10">
      <t>タヨ</t>
    </rPh>
    <rPh sb="15" eb="17">
      <t>ジンコウ</t>
    </rPh>
    <rPh sb="17" eb="19">
      <t>エイヨウ</t>
    </rPh>
    <phoneticPr fontId="2"/>
  </si>
  <si>
    <t>１０月４日　里親に感謝の日</t>
    <rPh sb="2" eb="3">
      <t>ガツ</t>
    </rPh>
    <rPh sb="4" eb="5">
      <t>ヒ</t>
    </rPh>
    <rPh sb="6" eb="8">
      <t>サトオヤ</t>
    </rPh>
    <rPh sb="9" eb="11">
      <t>カンシャ</t>
    </rPh>
    <rPh sb="12" eb="13">
      <t>ヒ</t>
    </rPh>
    <phoneticPr fontId="2"/>
  </si>
  <si>
    <t>広報協会長に平越氏</t>
    <rPh sb="0" eb="2">
      <t>コウホウ</t>
    </rPh>
    <rPh sb="2" eb="5">
      <t>キョウカイチョウ</t>
    </rPh>
    <rPh sb="6" eb="8">
      <t>ヒラコシ</t>
    </rPh>
    <rPh sb="8" eb="9">
      <t>シ</t>
    </rPh>
    <phoneticPr fontId="2"/>
  </si>
  <si>
    <t>東牟婁地方事務所林務課長　山本氏殉職</t>
    <rPh sb="0" eb="3">
      <t>ヒガシムロ</t>
    </rPh>
    <rPh sb="3" eb="5">
      <t>チホウ</t>
    </rPh>
    <rPh sb="5" eb="8">
      <t>ジムショ</t>
    </rPh>
    <rPh sb="8" eb="10">
      <t>リンム</t>
    </rPh>
    <rPh sb="10" eb="12">
      <t>カチョウ</t>
    </rPh>
    <rPh sb="13" eb="15">
      <t>ヤマモト</t>
    </rPh>
    <rPh sb="15" eb="16">
      <t>シ</t>
    </rPh>
    <rPh sb="16" eb="18">
      <t>ジュンショク</t>
    </rPh>
    <phoneticPr fontId="2"/>
  </si>
  <si>
    <t>１０月１０日　眼の愛護デー</t>
    <rPh sb="2" eb="3">
      <t>ガツ</t>
    </rPh>
    <rPh sb="5" eb="6">
      <t>ヒ</t>
    </rPh>
    <rPh sb="7" eb="8">
      <t>メ</t>
    </rPh>
    <rPh sb="9" eb="11">
      <t>アイゴ</t>
    </rPh>
    <phoneticPr fontId="2"/>
  </si>
  <si>
    <t>１０月１日→１２月２５日　失業保険料完納強調月間</t>
    <rPh sb="2" eb="3">
      <t>ガツ</t>
    </rPh>
    <rPh sb="4" eb="5">
      <t>ヒ</t>
    </rPh>
    <rPh sb="8" eb="9">
      <t>ガツ</t>
    </rPh>
    <rPh sb="11" eb="12">
      <t>ニチ</t>
    </rPh>
    <rPh sb="13" eb="15">
      <t>シツギョウ</t>
    </rPh>
    <rPh sb="15" eb="18">
      <t>ホケンリョウ</t>
    </rPh>
    <rPh sb="18" eb="20">
      <t>カンノウ</t>
    </rPh>
    <rPh sb="20" eb="22">
      <t>キョウチョウ</t>
    </rPh>
    <rPh sb="22" eb="24">
      <t>ゲッカン</t>
    </rPh>
    <phoneticPr fontId="2"/>
  </si>
  <si>
    <t>市内版　盲ろう生徒に通学用の県会バス運転（写真　ろう学校でバスを降りるこどもたち）</t>
    <rPh sb="0" eb="2">
      <t>シナイ</t>
    </rPh>
    <rPh sb="2" eb="3">
      <t>バン</t>
    </rPh>
    <rPh sb="4" eb="5">
      <t>モウ</t>
    </rPh>
    <rPh sb="7" eb="9">
      <t>セイト</t>
    </rPh>
    <rPh sb="10" eb="13">
      <t>ツウガクヨウ</t>
    </rPh>
    <rPh sb="14" eb="16">
      <t>ケンカイ</t>
    </rPh>
    <rPh sb="18" eb="20">
      <t>ウンテン</t>
    </rPh>
    <rPh sb="21" eb="23">
      <t>シャシン</t>
    </rPh>
    <rPh sb="26" eb="28">
      <t>ガッコウ</t>
    </rPh>
    <rPh sb="32" eb="33">
      <t>オ</t>
    </rPh>
    <phoneticPr fontId="2"/>
  </si>
  <si>
    <t>市内版　日雇労務者の能率向上へ　特別失対事業はじまる</t>
    <rPh sb="0" eb="2">
      <t>シナイ</t>
    </rPh>
    <rPh sb="2" eb="3">
      <t>バン</t>
    </rPh>
    <rPh sb="4" eb="6">
      <t>ヒヤトイ</t>
    </rPh>
    <rPh sb="6" eb="9">
      <t>ロウムシャ</t>
    </rPh>
    <rPh sb="10" eb="12">
      <t>ノウリツ</t>
    </rPh>
    <rPh sb="12" eb="14">
      <t>コウジョウ</t>
    </rPh>
    <rPh sb="16" eb="18">
      <t>トクベツ</t>
    </rPh>
    <rPh sb="18" eb="20">
      <t>シッタイ</t>
    </rPh>
    <rPh sb="20" eb="22">
      <t>ジギョウ</t>
    </rPh>
    <phoneticPr fontId="2"/>
  </si>
  <si>
    <t>市内版　知事、養老院を慰問</t>
    <rPh sb="0" eb="2">
      <t>シナイ</t>
    </rPh>
    <rPh sb="2" eb="3">
      <t>バン</t>
    </rPh>
    <rPh sb="4" eb="6">
      <t>チジ</t>
    </rPh>
    <rPh sb="7" eb="9">
      <t>ヨウロウ</t>
    </rPh>
    <rPh sb="9" eb="10">
      <t>イン</t>
    </rPh>
    <rPh sb="11" eb="13">
      <t>イモン</t>
    </rPh>
    <phoneticPr fontId="2"/>
  </si>
  <si>
    <t>市内版　最高は徐行違反　まだ多い交通事故</t>
    <rPh sb="0" eb="2">
      <t>シナイ</t>
    </rPh>
    <rPh sb="2" eb="3">
      <t>バン</t>
    </rPh>
    <rPh sb="4" eb="6">
      <t>サイコウ</t>
    </rPh>
    <rPh sb="7" eb="9">
      <t>ジョコウ</t>
    </rPh>
    <rPh sb="9" eb="11">
      <t>イハン</t>
    </rPh>
    <rPh sb="14" eb="15">
      <t>オオ</t>
    </rPh>
    <rPh sb="16" eb="18">
      <t>コウツウ</t>
    </rPh>
    <rPh sb="18" eb="20">
      <t>ジコ</t>
    </rPh>
    <phoneticPr fontId="2"/>
  </si>
  <si>
    <t>市内版　ＰＤＩ訓練ひらく（写真　ＰＤＩ講習会場）</t>
    <rPh sb="0" eb="2">
      <t>シナイ</t>
    </rPh>
    <rPh sb="2" eb="3">
      <t>バン</t>
    </rPh>
    <rPh sb="13" eb="15">
      <t>シャシン</t>
    </rPh>
    <phoneticPr fontId="2"/>
  </si>
  <si>
    <t>市内版　近く着工　県営住宅２６戸</t>
    <rPh sb="0" eb="2">
      <t>シナイ</t>
    </rPh>
    <rPh sb="2" eb="3">
      <t>バン</t>
    </rPh>
    <rPh sb="4" eb="5">
      <t>チカ</t>
    </rPh>
    <rPh sb="6" eb="8">
      <t>チャッコウ</t>
    </rPh>
    <rPh sb="9" eb="11">
      <t>ケンエイ</t>
    </rPh>
    <rPh sb="11" eb="13">
      <t>ジュウタク</t>
    </rPh>
    <rPh sb="15" eb="16">
      <t>コ</t>
    </rPh>
    <phoneticPr fontId="2"/>
  </si>
  <si>
    <t>市内版　貯蓄標語募集</t>
    <rPh sb="0" eb="2">
      <t>シナイ</t>
    </rPh>
    <rPh sb="2" eb="3">
      <t>バン</t>
    </rPh>
    <rPh sb="4" eb="6">
      <t>チョチク</t>
    </rPh>
    <rPh sb="6" eb="8">
      <t>ヒョウゴ</t>
    </rPh>
    <rPh sb="8" eb="10">
      <t>ボシュウ</t>
    </rPh>
    <phoneticPr fontId="2"/>
  </si>
  <si>
    <t>市内版　着々進む道路舗装</t>
    <rPh sb="0" eb="2">
      <t>シナイ</t>
    </rPh>
    <rPh sb="2" eb="3">
      <t>バン</t>
    </rPh>
    <rPh sb="4" eb="6">
      <t>チャクチャク</t>
    </rPh>
    <rPh sb="6" eb="7">
      <t>スス</t>
    </rPh>
    <rPh sb="8" eb="10">
      <t>ドウロ</t>
    </rPh>
    <rPh sb="10" eb="12">
      <t>ホソウ</t>
    </rPh>
    <phoneticPr fontId="2"/>
  </si>
  <si>
    <t>市内版　自立促進貯蓄運動</t>
    <rPh sb="0" eb="2">
      <t>シナイ</t>
    </rPh>
    <rPh sb="2" eb="3">
      <t>バン</t>
    </rPh>
    <rPh sb="4" eb="6">
      <t>ジリツ</t>
    </rPh>
    <rPh sb="6" eb="8">
      <t>ソクシン</t>
    </rPh>
    <rPh sb="8" eb="10">
      <t>チョチク</t>
    </rPh>
    <rPh sb="10" eb="12">
      <t>ウンドウ</t>
    </rPh>
    <phoneticPr fontId="2"/>
  </si>
  <si>
    <t>市内版　空気銃の所持に許可が必要です　１１月１日～１１月３１日</t>
    <rPh sb="0" eb="2">
      <t>シナイ</t>
    </rPh>
    <rPh sb="2" eb="3">
      <t>バン</t>
    </rPh>
    <rPh sb="4" eb="7">
      <t>クウキジュウ</t>
    </rPh>
    <rPh sb="8" eb="10">
      <t>ショジ</t>
    </rPh>
    <rPh sb="11" eb="13">
      <t>キョカ</t>
    </rPh>
    <rPh sb="14" eb="16">
      <t>ヒツヨウ</t>
    </rPh>
    <rPh sb="21" eb="22">
      <t>ガツ</t>
    </rPh>
    <rPh sb="23" eb="24">
      <t>ヒ</t>
    </rPh>
    <rPh sb="27" eb="28">
      <t>ガツ</t>
    </rPh>
    <rPh sb="30" eb="31">
      <t>ニチ</t>
    </rPh>
    <phoneticPr fontId="2"/>
  </si>
  <si>
    <t>市内版　１０月２１日→３０日　秋季交通安全運動</t>
    <rPh sb="0" eb="2">
      <t>シナイ</t>
    </rPh>
    <rPh sb="2" eb="3">
      <t>バン</t>
    </rPh>
    <rPh sb="6" eb="7">
      <t>ガツ</t>
    </rPh>
    <rPh sb="9" eb="10">
      <t>ニチ</t>
    </rPh>
    <rPh sb="13" eb="14">
      <t>ニチ</t>
    </rPh>
    <rPh sb="15" eb="17">
      <t>シュウキ</t>
    </rPh>
    <rPh sb="17" eb="19">
      <t>コウツウ</t>
    </rPh>
    <rPh sb="19" eb="21">
      <t>アンゼン</t>
    </rPh>
    <rPh sb="21" eb="23">
      <t>ウンドウ</t>
    </rPh>
    <phoneticPr fontId="2"/>
  </si>
  <si>
    <t>海草・海南版　知事、海南市養老院を訪問（写真　仏壇の前で慰問する知事）</t>
    <rPh sb="0" eb="2">
      <t>カイソウ</t>
    </rPh>
    <rPh sb="3" eb="5">
      <t>カイナン</t>
    </rPh>
    <rPh sb="5" eb="6">
      <t>バン</t>
    </rPh>
    <rPh sb="7" eb="9">
      <t>チジ</t>
    </rPh>
    <rPh sb="10" eb="13">
      <t>カイナンシ</t>
    </rPh>
    <rPh sb="13" eb="15">
      <t>ヨウロウ</t>
    </rPh>
    <rPh sb="15" eb="16">
      <t>イン</t>
    </rPh>
    <rPh sb="17" eb="19">
      <t>ホウモン</t>
    </rPh>
    <rPh sb="20" eb="22">
      <t>シャシン</t>
    </rPh>
    <rPh sb="23" eb="25">
      <t>ブツダン</t>
    </rPh>
    <rPh sb="26" eb="27">
      <t>マエ</t>
    </rPh>
    <rPh sb="28" eb="30">
      <t>イモン</t>
    </rPh>
    <rPh sb="32" eb="34">
      <t>チジ</t>
    </rPh>
    <phoneticPr fontId="2"/>
  </si>
  <si>
    <t>海草・海南版　ご挨拶　人事異動　地方事務所　坂本次長談</t>
    <rPh sb="0" eb="2">
      <t>カイソウ</t>
    </rPh>
    <rPh sb="3" eb="5">
      <t>カイナン</t>
    </rPh>
    <rPh sb="5" eb="6">
      <t>バン</t>
    </rPh>
    <rPh sb="8" eb="10">
      <t>アイサツ</t>
    </rPh>
    <rPh sb="11" eb="13">
      <t>ジンジ</t>
    </rPh>
    <rPh sb="13" eb="15">
      <t>イドウ</t>
    </rPh>
    <rPh sb="16" eb="18">
      <t>チホウ</t>
    </rPh>
    <rPh sb="18" eb="21">
      <t>ジムショ</t>
    </rPh>
    <rPh sb="22" eb="24">
      <t>サカモト</t>
    </rPh>
    <rPh sb="24" eb="26">
      <t>ジチョウ</t>
    </rPh>
    <rPh sb="26" eb="27">
      <t>ダン</t>
    </rPh>
    <phoneticPr fontId="2"/>
  </si>
  <si>
    <t>海草・海南版　安原に炭そ病</t>
    <rPh sb="0" eb="2">
      <t>カイソウ</t>
    </rPh>
    <rPh sb="3" eb="5">
      <t>カイナン</t>
    </rPh>
    <rPh sb="5" eb="6">
      <t>バン</t>
    </rPh>
    <rPh sb="7" eb="9">
      <t>ヤスハラ</t>
    </rPh>
    <rPh sb="10" eb="11">
      <t>タン</t>
    </rPh>
    <rPh sb="12" eb="13">
      <t>ビョウ</t>
    </rPh>
    <phoneticPr fontId="2"/>
  </si>
  <si>
    <t>海草・海南版　犬魂の碑　海南でわん公の慰霊祭</t>
    <rPh sb="0" eb="2">
      <t>カイソウ</t>
    </rPh>
    <rPh sb="3" eb="5">
      <t>カイナン</t>
    </rPh>
    <rPh sb="5" eb="6">
      <t>バン</t>
    </rPh>
    <rPh sb="7" eb="8">
      <t>イヌ</t>
    </rPh>
    <rPh sb="8" eb="9">
      <t>タマシイ</t>
    </rPh>
    <rPh sb="10" eb="11">
      <t>ヒ</t>
    </rPh>
    <rPh sb="12" eb="14">
      <t>カイナン</t>
    </rPh>
    <rPh sb="17" eb="18">
      <t>コウ</t>
    </rPh>
    <rPh sb="19" eb="22">
      <t>イレイサイ</t>
    </rPh>
    <phoneticPr fontId="2"/>
  </si>
  <si>
    <t>海草・海南版　図書館だより</t>
    <rPh sb="0" eb="2">
      <t>カイソウ</t>
    </rPh>
    <rPh sb="3" eb="5">
      <t>カイナン</t>
    </rPh>
    <rPh sb="5" eb="6">
      <t>バン</t>
    </rPh>
    <rPh sb="7" eb="10">
      <t>トショカン</t>
    </rPh>
    <phoneticPr fontId="2"/>
  </si>
  <si>
    <t>海草・海南版　高原の秋（写真　生石高原山頂）</t>
    <rPh sb="0" eb="2">
      <t>カイソウ</t>
    </rPh>
    <rPh sb="3" eb="5">
      <t>カイナン</t>
    </rPh>
    <rPh sb="5" eb="6">
      <t>バン</t>
    </rPh>
    <rPh sb="7" eb="9">
      <t>コウゲン</t>
    </rPh>
    <rPh sb="10" eb="11">
      <t>アキ</t>
    </rPh>
    <rPh sb="12" eb="14">
      <t>シャシン</t>
    </rPh>
    <rPh sb="15" eb="17">
      <t>オイシ</t>
    </rPh>
    <rPh sb="17" eb="19">
      <t>コウゲン</t>
    </rPh>
    <rPh sb="19" eb="21">
      <t>サンチョウ</t>
    </rPh>
    <phoneticPr fontId="2"/>
  </si>
  <si>
    <t>海草・海南版　田井の瀬で連合水防演習（写真　土俵積訓練をうける水防団員）</t>
    <rPh sb="0" eb="2">
      <t>カイソウ</t>
    </rPh>
    <rPh sb="3" eb="5">
      <t>カイナン</t>
    </rPh>
    <rPh sb="5" eb="6">
      <t>バン</t>
    </rPh>
    <rPh sb="7" eb="9">
      <t>タイ</t>
    </rPh>
    <rPh sb="10" eb="11">
      <t>セ</t>
    </rPh>
    <rPh sb="12" eb="14">
      <t>レンゴウ</t>
    </rPh>
    <rPh sb="14" eb="16">
      <t>スイボウ</t>
    </rPh>
    <rPh sb="16" eb="18">
      <t>エンシュウ</t>
    </rPh>
    <rPh sb="19" eb="21">
      <t>シャシン</t>
    </rPh>
    <rPh sb="22" eb="24">
      <t>ドヒョウ</t>
    </rPh>
    <rPh sb="24" eb="25">
      <t>ツ</t>
    </rPh>
    <rPh sb="25" eb="27">
      <t>クンレン</t>
    </rPh>
    <rPh sb="31" eb="33">
      <t>スイボウ</t>
    </rPh>
    <rPh sb="33" eb="35">
      <t>ダンイン</t>
    </rPh>
    <phoneticPr fontId="2"/>
  </si>
  <si>
    <t>海草・海南版　和佐村の農地復旧進む</t>
    <rPh sb="0" eb="2">
      <t>カイソウ</t>
    </rPh>
    <rPh sb="3" eb="5">
      <t>カイナン</t>
    </rPh>
    <rPh sb="5" eb="6">
      <t>バン</t>
    </rPh>
    <rPh sb="7" eb="8">
      <t>ワ</t>
    </rPh>
    <rPh sb="8" eb="10">
      <t>サムラ</t>
    </rPh>
    <rPh sb="11" eb="13">
      <t>ノウチ</t>
    </rPh>
    <rPh sb="13" eb="15">
      <t>フッキュウ</t>
    </rPh>
    <rPh sb="15" eb="16">
      <t>スス</t>
    </rPh>
    <phoneticPr fontId="2"/>
  </si>
  <si>
    <t>海草・海南版　郡町村会の役員改選　会長に梶本氏</t>
    <rPh sb="0" eb="2">
      <t>カイソウ</t>
    </rPh>
    <rPh sb="3" eb="5">
      <t>カイナン</t>
    </rPh>
    <rPh sb="5" eb="6">
      <t>バン</t>
    </rPh>
    <rPh sb="7" eb="8">
      <t>グン</t>
    </rPh>
    <rPh sb="8" eb="11">
      <t>チョウソンカイ</t>
    </rPh>
    <rPh sb="12" eb="14">
      <t>ヤクイン</t>
    </rPh>
    <rPh sb="14" eb="16">
      <t>カイセン</t>
    </rPh>
    <rPh sb="17" eb="19">
      <t>カイチョウ</t>
    </rPh>
    <rPh sb="20" eb="22">
      <t>カジモト</t>
    </rPh>
    <rPh sb="22" eb="23">
      <t>シ</t>
    </rPh>
    <phoneticPr fontId="2"/>
  </si>
  <si>
    <t>海草・海南版　貯蓄標語募集</t>
    <rPh sb="0" eb="2">
      <t>カイソウ</t>
    </rPh>
    <rPh sb="3" eb="5">
      <t>カイナン</t>
    </rPh>
    <rPh sb="5" eb="6">
      <t>バン</t>
    </rPh>
    <rPh sb="7" eb="9">
      <t>チョチク</t>
    </rPh>
    <rPh sb="9" eb="11">
      <t>ヒョウゴ</t>
    </rPh>
    <rPh sb="11" eb="13">
      <t>ボシュウ</t>
    </rPh>
    <phoneticPr fontId="2"/>
  </si>
  <si>
    <t>海草・海南版　瀧の川橋竣工（写真）</t>
    <rPh sb="0" eb="2">
      <t>カイソウ</t>
    </rPh>
    <rPh sb="3" eb="5">
      <t>カイナン</t>
    </rPh>
    <rPh sb="5" eb="6">
      <t>バン</t>
    </rPh>
    <rPh sb="7" eb="8">
      <t>タキ</t>
    </rPh>
    <rPh sb="9" eb="10">
      <t>カワ</t>
    </rPh>
    <rPh sb="10" eb="11">
      <t>ハシ</t>
    </rPh>
    <rPh sb="11" eb="13">
      <t>シュンコウ</t>
    </rPh>
    <rPh sb="14" eb="16">
      <t>シャシン</t>
    </rPh>
    <phoneticPr fontId="2"/>
  </si>
  <si>
    <t>海草・海南版　空気銃の所持に許可が必要です　１１月１日～１１月３１日</t>
    <rPh sb="0" eb="2">
      <t>カイソウ</t>
    </rPh>
    <rPh sb="3" eb="5">
      <t>カイナン</t>
    </rPh>
    <rPh sb="5" eb="6">
      <t>バン</t>
    </rPh>
    <phoneticPr fontId="2"/>
  </si>
  <si>
    <t>海草・海南版　１０月２１日→３０日　秋季交通安全運動</t>
    <rPh sb="0" eb="2">
      <t>カイソウ</t>
    </rPh>
    <rPh sb="3" eb="5">
      <t>カイナン</t>
    </rPh>
    <rPh sb="5" eb="6">
      <t>バン</t>
    </rPh>
    <phoneticPr fontId="2"/>
  </si>
  <si>
    <t>那賀版　奥安楽川　１４年ぶり村道新設（写真　新設された村道）</t>
    <rPh sb="0" eb="2">
      <t>ナガ</t>
    </rPh>
    <rPh sb="2" eb="3">
      <t>バン</t>
    </rPh>
    <rPh sb="4" eb="5">
      <t>オク</t>
    </rPh>
    <rPh sb="5" eb="8">
      <t>アンラクガワ</t>
    </rPh>
    <rPh sb="11" eb="12">
      <t>ネン</t>
    </rPh>
    <rPh sb="14" eb="16">
      <t>ソンドウ</t>
    </rPh>
    <rPh sb="16" eb="18">
      <t>シンセツ</t>
    </rPh>
    <rPh sb="19" eb="21">
      <t>シャシン</t>
    </rPh>
    <rPh sb="22" eb="24">
      <t>シンセツ</t>
    </rPh>
    <rPh sb="27" eb="29">
      <t>ソンドウ</t>
    </rPh>
    <phoneticPr fontId="2"/>
  </si>
  <si>
    <t>那賀版　新任に際して　那賀地方事務所長　山西亀之助</t>
    <rPh sb="0" eb="2">
      <t>ナガ</t>
    </rPh>
    <rPh sb="2" eb="3">
      <t>バン</t>
    </rPh>
    <rPh sb="4" eb="6">
      <t>シンニン</t>
    </rPh>
    <rPh sb="7" eb="8">
      <t>サイ</t>
    </rPh>
    <rPh sb="11" eb="19">
      <t>ナガチホウジムショチョウ</t>
    </rPh>
    <rPh sb="20" eb="22">
      <t>ヤマニシ</t>
    </rPh>
    <rPh sb="22" eb="25">
      <t>カメノスケ</t>
    </rPh>
    <phoneticPr fontId="2"/>
  </si>
  <si>
    <t>那賀版　中森翁を表彰　敬老の丸栖婦人会も（写真　藤本次長の話をきく白水園の人々）</t>
    <rPh sb="0" eb="2">
      <t>ナガ</t>
    </rPh>
    <rPh sb="2" eb="3">
      <t>バン</t>
    </rPh>
    <rPh sb="4" eb="6">
      <t>ナカモリ</t>
    </rPh>
    <rPh sb="6" eb="7">
      <t>オキナ</t>
    </rPh>
    <rPh sb="8" eb="10">
      <t>ヒョウショウ</t>
    </rPh>
    <rPh sb="11" eb="13">
      <t>ケイロウ</t>
    </rPh>
    <rPh sb="14" eb="15">
      <t>マル</t>
    </rPh>
    <rPh sb="15" eb="16">
      <t>ス</t>
    </rPh>
    <rPh sb="16" eb="19">
      <t>フジンカイ</t>
    </rPh>
    <phoneticPr fontId="2"/>
  </si>
  <si>
    <t>那賀版　図書館だより</t>
    <rPh sb="0" eb="2">
      <t>ナガ</t>
    </rPh>
    <rPh sb="2" eb="3">
      <t>バン</t>
    </rPh>
    <rPh sb="4" eb="7">
      <t>トショカン</t>
    </rPh>
    <phoneticPr fontId="2"/>
  </si>
  <si>
    <t>那賀版　郡民の声　山西所長に臨む</t>
    <rPh sb="0" eb="2">
      <t>ナガ</t>
    </rPh>
    <rPh sb="2" eb="3">
      <t>バン</t>
    </rPh>
    <rPh sb="4" eb="6">
      <t>グンミン</t>
    </rPh>
    <rPh sb="7" eb="8">
      <t>コエ</t>
    </rPh>
    <rPh sb="9" eb="11">
      <t>ヤマニシ</t>
    </rPh>
    <rPh sb="11" eb="13">
      <t>ショチョウ</t>
    </rPh>
    <rPh sb="14" eb="15">
      <t>ノゾ</t>
    </rPh>
    <phoneticPr fontId="2"/>
  </si>
  <si>
    <t>那賀版　丸井さんからアメリカ第二信　農業経営研究のため渡米</t>
    <rPh sb="0" eb="2">
      <t>ナガ</t>
    </rPh>
    <rPh sb="2" eb="3">
      <t>バン</t>
    </rPh>
    <rPh sb="4" eb="6">
      <t>マルイ</t>
    </rPh>
    <rPh sb="14" eb="15">
      <t>ダイ</t>
    </rPh>
    <rPh sb="15" eb="17">
      <t>2シン</t>
    </rPh>
    <rPh sb="18" eb="20">
      <t>ノウギョウ</t>
    </rPh>
    <rPh sb="20" eb="22">
      <t>ケイエイ</t>
    </rPh>
    <rPh sb="22" eb="24">
      <t>ケンキュウ</t>
    </rPh>
    <rPh sb="27" eb="29">
      <t>トベイ</t>
    </rPh>
    <phoneticPr fontId="2"/>
  </si>
  <si>
    <t>那賀版　貯蓄標語募集</t>
    <rPh sb="0" eb="2">
      <t>ナガ</t>
    </rPh>
    <rPh sb="2" eb="3">
      <t>バン</t>
    </rPh>
    <phoneticPr fontId="2"/>
  </si>
  <si>
    <t>那賀版　来診を待つ医大病院紀北分院（写真）</t>
    <rPh sb="0" eb="2">
      <t>ナガ</t>
    </rPh>
    <rPh sb="2" eb="3">
      <t>バン</t>
    </rPh>
    <rPh sb="4" eb="6">
      <t>ライシン</t>
    </rPh>
    <rPh sb="7" eb="8">
      <t>マ</t>
    </rPh>
    <rPh sb="9" eb="13">
      <t>イダイビョウイン</t>
    </rPh>
    <rPh sb="13" eb="15">
      <t>キホク</t>
    </rPh>
    <rPh sb="15" eb="17">
      <t>ブンイン</t>
    </rPh>
    <rPh sb="18" eb="20">
      <t>シャシン</t>
    </rPh>
    <phoneticPr fontId="2"/>
  </si>
  <si>
    <t>那賀版　空気銃の所持に許可が必要です　１１月１日～１１月３１日</t>
    <rPh sb="0" eb="2">
      <t>ナガ</t>
    </rPh>
    <rPh sb="2" eb="3">
      <t>バン</t>
    </rPh>
    <phoneticPr fontId="2"/>
  </si>
  <si>
    <t>那賀版　１０月２１日→３０日　秋季交通安全運動</t>
    <rPh sb="0" eb="2">
      <t>ナガ</t>
    </rPh>
    <rPh sb="2" eb="3">
      <t>バン</t>
    </rPh>
    <phoneticPr fontId="2"/>
  </si>
  <si>
    <t>伊都・橋本版　郡で結婚式の実態を調査</t>
    <rPh sb="0" eb="2">
      <t>イト</t>
    </rPh>
    <rPh sb="3" eb="6">
      <t>ハシモトバン</t>
    </rPh>
    <rPh sb="7" eb="8">
      <t>グン</t>
    </rPh>
    <rPh sb="9" eb="12">
      <t>ケッコンシキ</t>
    </rPh>
    <rPh sb="13" eb="15">
      <t>ジッタイ</t>
    </rPh>
    <rPh sb="16" eb="18">
      <t>チョウサ</t>
    </rPh>
    <phoneticPr fontId="2"/>
  </si>
  <si>
    <t>伊都・橋本版　改善料理講習会ひらく（写真　料理講習会風景）</t>
    <rPh sb="0" eb="2">
      <t>イト</t>
    </rPh>
    <rPh sb="3" eb="6">
      <t>ハシモトバン</t>
    </rPh>
    <rPh sb="7" eb="9">
      <t>カイゼン</t>
    </rPh>
    <rPh sb="9" eb="11">
      <t>リョウリ</t>
    </rPh>
    <rPh sb="11" eb="14">
      <t>コウシュウカイ</t>
    </rPh>
    <rPh sb="18" eb="20">
      <t>シャシン</t>
    </rPh>
    <rPh sb="21" eb="23">
      <t>リョウリ</t>
    </rPh>
    <rPh sb="23" eb="26">
      <t>コウシュウカイ</t>
    </rPh>
    <rPh sb="26" eb="28">
      <t>フウケイ</t>
    </rPh>
    <phoneticPr fontId="2"/>
  </si>
  <si>
    <t>伊都・橋本版　新生活を推進　高野町、花園村で</t>
    <rPh sb="0" eb="2">
      <t>イト</t>
    </rPh>
    <rPh sb="3" eb="6">
      <t>ハシモトバン</t>
    </rPh>
    <rPh sb="7" eb="10">
      <t>シンセイカツ</t>
    </rPh>
    <rPh sb="11" eb="13">
      <t>スイシン</t>
    </rPh>
    <rPh sb="14" eb="17">
      <t>コウヤチョウ</t>
    </rPh>
    <rPh sb="18" eb="21">
      <t>ハナゾノムラ</t>
    </rPh>
    <phoneticPr fontId="2"/>
  </si>
  <si>
    <t>伊都・橋本版　初の都市計画</t>
    <rPh sb="0" eb="2">
      <t>イト</t>
    </rPh>
    <rPh sb="3" eb="6">
      <t>ハシモトバン</t>
    </rPh>
    <rPh sb="7" eb="8">
      <t>ハツ</t>
    </rPh>
    <rPh sb="9" eb="11">
      <t>トシ</t>
    </rPh>
    <rPh sb="11" eb="13">
      <t>ケイカク</t>
    </rPh>
    <phoneticPr fontId="2"/>
  </si>
  <si>
    <t>伊都・橋本版　大谷農協　モデル組合として表彰（写真　知事臨席の表彰式）</t>
    <rPh sb="0" eb="2">
      <t>イト</t>
    </rPh>
    <rPh sb="3" eb="6">
      <t>ハシモトバン</t>
    </rPh>
    <rPh sb="7" eb="9">
      <t>オオタニ</t>
    </rPh>
    <rPh sb="9" eb="11">
      <t>ノウキョウ</t>
    </rPh>
    <rPh sb="15" eb="17">
      <t>クミアイ</t>
    </rPh>
    <rPh sb="20" eb="22">
      <t>ヒョウショウ</t>
    </rPh>
    <rPh sb="23" eb="25">
      <t>シャシン</t>
    </rPh>
    <rPh sb="26" eb="28">
      <t>チジ</t>
    </rPh>
    <rPh sb="28" eb="30">
      <t>リンセキ</t>
    </rPh>
    <rPh sb="31" eb="34">
      <t>ヒョウショウシキ</t>
    </rPh>
    <phoneticPr fontId="2"/>
  </si>
  <si>
    <t>伊都・橋本版　奉仕の三十七年　惜しまれる校医さん（写真　小林医師）　中岡橋本市教育庁談</t>
    <rPh sb="0" eb="2">
      <t>イト</t>
    </rPh>
    <rPh sb="3" eb="6">
      <t>ハシモトバン</t>
    </rPh>
    <rPh sb="7" eb="9">
      <t>ホウシ</t>
    </rPh>
    <rPh sb="10" eb="13">
      <t>37</t>
    </rPh>
    <rPh sb="13" eb="14">
      <t>ネン</t>
    </rPh>
    <rPh sb="15" eb="16">
      <t>オ</t>
    </rPh>
    <rPh sb="20" eb="22">
      <t>コウイ</t>
    </rPh>
    <rPh sb="25" eb="27">
      <t>シャシン</t>
    </rPh>
    <rPh sb="28" eb="30">
      <t>コバヤシ</t>
    </rPh>
    <rPh sb="30" eb="32">
      <t>イシ</t>
    </rPh>
    <rPh sb="34" eb="36">
      <t>ナカオカ</t>
    </rPh>
    <rPh sb="36" eb="39">
      <t>ハシモトシ</t>
    </rPh>
    <rPh sb="39" eb="42">
      <t>キョウイクチョウ</t>
    </rPh>
    <rPh sb="42" eb="43">
      <t>ダン</t>
    </rPh>
    <phoneticPr fontId="2"/>
  </si>
  <si>
    <t>伊都・橋本版　副業に好適　農山村でシイタケを</t>
    <rPh sb="0" eb="2">
      <t>イト</t>
    </rPh>
    <rPh sb="3" eb="6">
      <t>ハシモトバン</t>
    </rPh>
    <rPh sb="7" eb="9">
      <t>フクギョウ</t>
    </rPh>
    <rPh sb="10" eb="12">
      <t>コウテキ</t>
    </rPh>
    <rPh sb="13" eb="16">
      <t>ノウサンソン</t>
    </rPh>
    <rPh sb="15" eb="16">
      <t>ムラ</t>
    </rPh>
    <phoneticPr fontId="2"/>
  </si>
  <si>
    <t>伊都・橋本版　新生活を推進する人々①　一人一人が推進員に　田宮孫四郎氏（橋本市紀見公民館長、伊都地方公民館連絡協議会長）</t>
    <rPh sb="0" eb="2">
      <t>イト</t>
    </rPh>
    <rPh sb="3" eb="6">
      <t>ハシモトバン</t>
    </rPh>
    <rPh sb="7" eb="10">
      <t>シンセイカツ</t>
    </rPh>
    <rPh sb="11" eb="13">
      <t>スイシン</t>
    </rPh>
    <rPh sb="15" eb="17">
      <t>ヒトビト</t>
    </rPh>
    <rPh sb="19" eb="23">
      <t>ヒトリヒトリ</t>
    </rPh>
    <rPh sb="24" eb="27">
      <t>スイシンイン</t>
    </rPh>
    <rPh sb="29" eb="31">
      <t>タミヤ</t>
    </rPh>
    <rPh sb="31" eb="34">
      <t>マゴシロウ</t>
    </rPh>
    <rPh sb="34" eb="35">
      <t>シ</t>
    </rPh>
    <rPh sb="36" eb="38">
      <t>ハシモト</t>
    </rPh>
    <rPh sb="38" eb="39">
      <t>シ</t>
    </rPh>
    <rPh sb="39" eb="41">
      <t>キミ</t>
    </rPh>
    <rPh sb="41" eb="44">
      <t>コウミンカン</t>
    </rPh>
    <rPh sb="44" eb="45">
      <t>チョウ</t>
    </rPh>
    <rPh sb="46" eb="48">
      <t>イト</t>
    </rPh>
    <rPh sb="48" eb="50">
      <t>チホウ</t>
    </rPh>
    <rPh sb="50" eb="53">
      <t>コウミンカン</t>
    </rPh>
    <rPh sb="53" eb="55">
      <t>レンラク</t>
    </rPh>
    <rPh sb="55" eb="58">
      <t>キョウギカイ</t>
    </rPh>
    <rPh sb="58" eb="59">
      <t>チョウ</t>
    </rPh>
    <phoneticPr fontId="2"/>
  </si>
  <si>
    <t>伊都・橋本版　自立促進貯蓄運動</t>
    <rPh sb="0" eb="2">
      <t>イト</t>
    </rPh>
    <rPh sb="3" eb="6">
      <t>ハシモトバン</t>
    </rPh>
    <rPh sb="7" eb="15">
      <t>ジリツソクシンチョチクウンドウ</t>
    </rPh>
    <phoneticPr fontId="2"/>
  </si>
  <si>
    <t>伊都・橋本版　としよりの日に　楠本氏ら県で表彰</t>
    <rPh sb="0" eb="2">
      <t>イト</t>
    </rPh>
    <rPh sb="3" eb="6">
      <t>ハシモトバン</t>
    </rPh>
    <rPh sb="12" eb="13">
      <t>ヒ</t>
    </rPh>
    <rPh sb="15" eb="17">
      <t>クスモト</t>
    </rPh>
    <rPh sb="17" eb="18">
      <t>シ</t>
    </rPh>
    <rPh sb="19" eb="20">
      <t>ケン</t>
    </rPh>
    <rPh sb="21" eb="23">
      <t>ヒョウショウ</t>
    </rPh>
    <phoneticPr fontId="2"/>
  </si>
  <si>
    <t>伊都・橋本版　空気銃の所持に許可が必要です　１１月１日～１１月３１日</t>
    <rPh sb="0" eb="2">
      <t>イト</t>
    </rPh>
    <rPh sb="3" eb="6">
      <t>ハシモトバン</t>
    </rPh>
    <phoneticPr fontId="2"/>
  </si>
  <si>
    <t>伊都・橋本版　１０月２１日→３０日　秋季交通安全運動</t>
    <rPh sb="0" eb="2">
      <t>イト</t>
    </rPh>
    <rPh sb="3" eb="6">
      <t>ハシモトバン</t>
    </rPh>
    <phoneticPr fontId="2"/>
  </si>
  <si>
    <t>有田版　完全緑化をめざし　林業振興災害復旧総合計画きまる</t>
    <rPh sb="0" eb="2">
      <t>アリダ</t>
    </rPh>
    <rPh sb="2" eb="3">
      <t>バン</t>
    </rPh>
    <rPh sb="4" eb="6">
      <t>カンゼン</t>
    </rPh>
    <rPh sb="6" eb="8">
      <t>リョッカ</t>
    </rPh>
    <rPh sb="13" eb="15">
      <t>リンギョウ</t>
    </rPh>
    <rPh sb="15" eb="17">
      <t>シンコウ</t>
    </rPh>
    <rPh sb="17" eb="19">
      <t>サイガイ</t>
    </rPh>
    <rPh sb="19" eb="21">
      <t>フッキュウ</t>
    </rPh>
    <rPh sb="21" eb="23">
      <t>ソウゴウ</t>
    </rPh>
    <rPh sb="23" eb="25">
      <t>ケイカク</t>
    </rPh>
    <phoneticPr fontId="2"/>
  </si>
  <si>
    <t>有田版　新任に際して　有田地方事務所長　池田昇</t>
    <rPh sb="0" eb="2">
      <t>アリダ</t>
    </rPh>
    <rPh sb="2" eb="3">
      <t>バン</t>
    </rPh>
    <rPh sb="4" eb="6">
      <t>シンニン</t>
    </rPh>
    <rPh sb="7" eb="8">
      <t>サイ</t>
    </rPh>
    <rPh sb="11" eb="13">
      <t>アリダ</t>
    </rPh>
    <rPh sb="13" eb="15">
      <t>チホウ</t>
    </rPh>
    <rPh sb="15" eb="17">
      <t>ジム</t>
    </rPh>
    <rPh sb="17" eb="19">
      <t>ショチョウ</t>
    </rPh>
    <rPh sb="20" eb="22">
      <t>イケダ</t>
    </rPh>
    <rPh sb="22" eb="23">
      <t>ノボル</t>
    </rPh>
    <phoneticPr fontId="2"/>
  </si>
  <si>
    <t>有田版　重要文化財めぐり⑥　須佐神社の太刀（写真　太刀をもつ宮司）</t>
    <rPh sb="0" eb="2">
      <t>アリダ</t>
    </rPh>
    <rPh sb="2" eb="3">
      <t>バン</t>
    </rPh>
    <rPh sb="4" eb="9">
      <t>ジュウヨウブンカザイ</t>
    </rPh>
    <rPh sb="14" eb="16">
      <t>スサ</t>
    </rPh>
    <rPh sb="16" eb="18">
      <t>ジンジャ</t>
    </rPh>
    <rPh sb="19" eb="21">
      <t>タチ</t>
    </rPh>
    <rPh sb="22" eb="24">
      <t>シャシン</t>
    </rPh>
    <rPh sb="25" eb="27">
      <t>タチ</t>
    </rPh>
    <rPh sb="30" eb="32">
      <t>グウジ</t>
    </rPh>
    <phoneticPr fontId="2"/>
  </si>
  <si>
    <t>有田版　防犯は郡民の手で　現行犯には「常人逮捕権」</t>
    <rPh sb="0" eb="2">
      <t>アリダ</t>
    </rPh>
    <rPh sb="2" eb="3">
      <t>バン</t>
    </rPh>
    <rPh sb="4" eb="6">
      <t>ボウハン</t>
    </rPh>
    <rPh sb="7" eb="9">
      <t>グンミン</t>
    </rPh>
    <rPh sb="10" eb="11">
      <t>テ</t>
    </rPh>
    <rPh sb="13" eb="16">
      <t>ゲンコウハン</t>
    </rPh>
    <rPh sb="19" eb="21">
      <t>ジョウジン</t>
    </rPh>
    <rPh sb="21" eb="24">
      <t>タイホケン</t>
    </rPh>
    <phoneticPr fontId="2"/>
  </si>
  <si>
    <t>有田版　北海道入植地視察団帰る</t>
    <rPh sb="0" eb="2">
      <t>アリダ</t>
    </rPh>
    <rPh sb="2" eb="3">
      <t>バン</t>
    </rPh>
    <rPh sb="4" eb="7">
      <t>ホッカイドウ</t>
    </rPh>
    <rPh sb="7" eb="10">
      <t>ニュウショクチ</t>
    </rPh>
    <rPh sb="10" eb="13">
      <t>シサツダン</t>
    </rPh>
    <rPh sb="13" eb="14">
      <t>カエ</t>
    </rPh>
    <phoneticPr fontId="2"/>
  </si>
  <si>
    <t>有田版　図書館だより</t>
    <rPh sb="0" eb="2">
      <t>アリダ</t>
    </rPh>
    <rPh sb="2" eb="3">
      <t>バン</t>
    </rPh>
    <rPh sb="4" eb="7">
      <t>トショカン</t>
    </rPh>
    <phoneticPr fontId="2"/>
  </si>
  <si>
    <t>有田版　県民の友世論調査終る</t>
    <rPh sb="0" eb="2">
      <t>アリダ</t>
    </rPh>
    <rPh sb="2" eb="3">
      <t>バン</t>
    </rPh>
    <rPh sb="4" eb="6">
      <t>ケンミン</t>
    </rPh>
    <rPh sb="7" eb="8">
      <t>トモ</t>
    </rPh>
    <rPh sb="8" eb="12">
      <t>ヨロンチョウサ</t>
    </rPh>
    <rPh sb="12" eb="13">
      <t>オワ</t>
    </rPh>
    <phoneticPr fontId="2"/>
  </si>
  <si>
    <t>有田版　貯蓄標語募集</t>
    <rPh sb="0" eb="2">
      <t>アリダ</t>
    </rPh>
    <rPh sb="2" eb="3">
      <t>バン</t>
    </rPh>
    <phoneticPr fontId="2"/>
  </si>
  <si>
    <t>有田版　空気銃の所持に許可が必要です　１１月１日～１１月３１日</t>
    <rPh sb="0" eb="2">
      <t>アリダ</t>
    </rPh>
    <rPh sb="2" eb="3">
      <t>バン</t>
    </rPh>
    <phoneticPr fontId="2"/>
  </si>
  <si>
    <t>有田版　１０月２１日→３０日　秋季交通安全運動</t>
    <rPh sb="0" eb="2">
      <t>アリダ</t>
    </rPh>
    <rPh sb="2" eb="3">
      <t>バン</t>
    </rPh>
    <phoneticPr fontId="2"/>
  </si>
  <si>
    <t>日高・御坊版　復旧へ総合計画　テストケースに寒川村を調査（写真　寒川村の災害地付近）</t>
    <rPh sb="0" eb="2">
      <t>ヒダカ</t>
    </rPh>
    <rPh sb="3" eb="5">
      <t>ゴボウ</t>
    </rPh>
    <rPh sb="5" eb="6">
      <t>バン</t>
    </rPh>
    <rPh sb="7" eb="9">
      <t>フッキュウ</t>
    </rPh>
    <rPh sb="10" eb="12">
      <t>ソウゴウ</t>
    </rPh>
    <rPh sb="12" eb="14">
      <t>ケイカク</t>
    </rPh>
    <rPh sb="22" eb="23">
      <t>サム</t>
    </rPh>
    <rPh sb="23" eb="25">
      <t>カワムラ</t>
    </rPh>
    <rPh sb="26" eb="28">
      <t>チョウサ</t>
    </rPh>
    <rPh sb="29" eb="31">
      <t>シャシン</t>
    </rPh>
    <rPh sb="32" eb="34">
      <t>サムカワ</t>
    </rPh>
    <rPh sb="34" eb="35">
      <t>ムラ</t>
    </rPh>
    <rPh sb="36" eb="39">
      <t>サイガイチ</t>
    </rPh>
    <rPh sb="39" eb="41">
      <t>フキン</t>
    </rPh>
    <phoneticPr fontId="2"/>
  </si>
  <si>
    <t>日高・御坊版　貯蓄標語募集</t>
    <rPh sb="0" eb="2">
      <t>ヒダカ</t>
    </rPh>
    <rPh sb="3" eb="5">
      <t>ゴボウ</t>
    </rPh>
    <rPh sb="5" eb="6">
      <t>バン</t>
    </rPh>
    <phoneticPr fontId="2"/>
  </si>
  <si>
    <t>日高・御坊版　共同募金に御協力を！</t>
    <rPh sb="0" eb="2">
      <t>ヒダカ</t>
    </rPh>
    <rPh sb="3" eb="5">
      <t>ゴボウ</t>
    </rPh>
    <rPh sb="5" eb="6">
      <t>バン</t>
    </rPh>
    <rPh sb="7" eb="9">
      <t>キョウドウ</t>
    </rPh>
    <rPh sb="9" eb="11">
      <t>ボキン</t>
    </rPh>
    <rPh sb="12" eb="15">
      <t>ゴキョウリョク</t>
    </rPh>
    <phoneticPr fontId="2"/>
  </si>
  <si>
    <t>日高・御坊版　みなぎる国保加入</t>
    <rPh sb="0" eb="2">
      <t>ヒダカ</t>
    </rPh>
    <rPh sb="3" eb="5">
      <t>ゴボウ</t>
    </rPh>
    <rPh sb="5" eb="6">
      <t>バン</t>
    </rPh>
    <rPh sb="11" eb="13">
      <t>コクホ</t>
    </rPh>
    <rPh sb="13" eb="15">
      <t>カニュウ</t>
    </rPh>
    <phoneticPr fontId="2"/>
  </si>
  <si>
    <t>日高・御坊版　復旧記念碑建つ　御坊で盛大な除幕式（写真　除幕式風景）</t>
    <rPh sb="0" eb="2">
      <t>ヒダカ</t>
    </rPh>
    <rPh sb="3" eb="5">
      <t>ゴボウ</t>
    </rPh>
    <rPh sb="5" eb="6">
      <t>バン</t>
    </rPh>
    <rPh sb="7" eb="9">
      <t>フッキュウ</t>
    </rPh>
    <rPh sb="9" eb="12">
      <t>キネンヒ</t>
    </rPh>
    <rPh sb="12" eb="13">
      <t>タ</t>
    </rPh>
    <rPh sb="15" eb="17">
      <t>ゴボウ</t>
    </rPh>
    <rPh sb="18" eb="20">
      <t>セイダイ</t>
    </rPh>
    <rPh sb="21" eb="24">
      <t>ジョマクシキ</t>
    </rPh>
    <rPh sb="25" eb="27">
      <t>シャシン</t>
    </rPh>
    <rPh sb="28" eb="31">
      <t>ジョマクシキ</t>
    </rPh>
    <rPh sb="31" eb="33">
      <t>フウケイ</t>
    </rPh>
    <phoneticPr fontId="2"/>
  </si>
  <si>
    <t>日高・御坊版　改善料理講習会おわる（写真　熱心に講習をうける主婦たち）</t>
    <rPh sb="0" eb="2">
      <t>ヒダカ</t>
    </rPh>
    <rPh sb="3" eb="5">
      <t>ゴボウ</t>
    </rPh>
    <rPh sb="5" eb="6">
      <t>バン</t>
    </rPh>
    <rPh sb="7" eb="9">
      <t>カイゼン</t>
    </rPh>
    <rPh sb="9" eb="11">
      <t>リョウリ</t>
    </rPh>
    <rPh sb="11" eb="14">
      <t>コウシュウカイ</t>
    </rPh>
    <rPh sb="18" eb="20">
      <t>シャシン</t>
    </rPh>
    <rPh sb="21" eb="23">
      <t>ネッシン</t>
    </rPh>
    <rPh sb="24" eb="26">
      <t>コウシュウ</t>
    </rPh>
    <rPh sb="30" eb="32">
      <t>シュフ</t>
    </rPh>
    <phoneticPr fontId="2"/>
  </si>
  <si>
    <t>日高・御坊版　商工会結成へ力こぶ</t>
    <rPh sb="0" eb="2">
      <t>ヒダカ</t>
    </rPh>
    <rPh sb="3" eb="5">
      <t>ゴボウ</t>
    </rPh>
    <rPh sb="5" eb="6">
      <t>バン</t>
    </rPh>
    <rPh sb="7" eb="10">
      <t>ショウコウカイ</t>
    </rPh>
    <rPh sb="10" eb="12">
      <t>ケッセイ</t>
    </rPh>
    <rPh sb="13" eb="14">
      <t>チカラ</t>
    </rPh>
    <phoneticPr fontId="2"/>
  </si>
  <si>
    <t>日高・御坊版　自立促進貯蓄運動</t>
    <rPh sb="0" eb="2">
      <t>ヒダカ</t>
    </rPh>
    <rPh sb="3" eb="5">
      <t>ゴボウ</t>
    </rPh>
    <rPh sb="5" eb="6">
      <t>バン</t>
    </rPh>
    <phoneticPr fontId="2"/>
  </si>
  <si>
    <t>日高・御坊版　図書館だより</t>
    <rPh sb="0" eb="2">
      <t>ヒダカ</t>
    </rPh>
    <rPh sb="3" eb="5">
      <t>ゴボウ</t>
    </rPh>
    <rPh sb="5" eb="6">
      <t>バン</t>
    </rPh>
    <rPh sb="7" eb="10">
      <t>トショカン</t>
    </rPh>
    <phoneticPr fontId="2"/>
  </si>
  <si>
    <t>日高・御坊版　くろしお</t>
    <rPh sb="0" eb="2">
      <t>ヒダカ</t>
    </rPh>
    <rPh sb="3" eb="5">
      <t>ゴボウ</t>
    </rPh>
    <rPh sb="5" eb="6">
      <t>バン</t>
    </rPh>
    <phoneticPr fontId="2"/>
  </si>
  <si>
    <t>日高・御坊版　空気銃の所持に許可が必要です　１１月１日～１１月３１日</t>
    <rPh sb="0" eb="2">
      <t>ヒダカ</t>
    </rPh>
    <rPh sb="3" eb="5">
      <t>ゴボウ</t>
    </rPh>
    <rPh sb="5" eb="6">
      <t>バン</t>
    </rPh>
    <phoneticPr fontId="2"/>
  </si>
  <si>
    <t>日高・御坊版　１０月２１日→３０日　秋季交通安全運動</t>
    <rPh sb="0" eb="2">
      <t>ヒダカ</t>
    </rPh>
    <rPh sb="3" eb="5">
      <t>ゴボウ</t>
    </rPh>
    <rPh sb="5" eb="6">
      <t>バン</t>
    </rPh>
    <phoneticPr fontId="2"/>
  </si>
  <si>
    <t>西牟婁・田辺版　合川ダム基礎工事着々進む</t>
    <rPh sb="0" eb="3">
      <t>ニシムロ</t>
    </rPh>
    <rPh sb="4" eb="6">
      <t>タナベ</t>
    </rPh>
    <rPh sb="6" eb="7">
      <t>バン</t>
    </rPh>
    <rPh sb="8" eb="10">
      <t>アイカワ</t>
    </rPh>
    <rPh sb="12" eb="14">
      <t>キソ</t>
    </rPh>
    <rPh sb="14" eb="16">
      <t>コウジ</t>
    </rPh>
    <rPh sb="16" eb="18">
      <t>チャクチャク</t>
    </rPh>
    <rPh sb="18" eb="19">
      <t>スス</t>
    </rPh>
    <phoneticPr fontId="2"/>
  </si>
  <si>
    <t>西牟婁・田辺版　深林組合へ引渡し　日置川縦断の県営三林道</t>
    <rPh sb="0" eb="3">
      <t>ニシムロ</t>
    </rPh>
    <rPh sb="4" eb="6">
      <t>タナベ</t>
    </rPh>
    <rPh sb="6" eb="7">
      <t>バン</t>
    </rPh>
    <rPh sb="8" eb="10">
      <t>シンリン</t>
    </rPh>
    <rPh sb="10" eb="12">
      <t>クミアイ</t>
    </rPh>
    <rPh sb="13" eb="15">
      <t>ヒキワタ</t>
    </rPh>
    <rPh sb="17" eb="20">
      <t>ヒキガワ</t>
    </rPh>
    <rPh sb="20" eb="22">
      <t>ジュウダン</t>
    </rPh>
    <rPh sb="23" eb="25">
      <t>ケンエイ</t>
    </rPh>
    <rPh sb="25" eb="26">
      <t>3</t>
    </rPh>
    <rPh sb="26" eb="28">
      <t>リンドウ</t>
    </rPh>
    <phoneticPr fontId="2"/>
  </si>
  <si>
    <t>西牟婁・田辺版　本年度分も着工　中津川の災害防止林工事（写真　一部完成した防潮堤）</t>
    <rPh sb="0" eb="3">
      <t>ニシムロ</t>
    </rPh>
    <rPh sb="4" eb="6">
      <t>タナベ</t>
    </rPh>
    <rPh sb="6" eb="7">
      <t>バン</t>
    </rPh>
    <phoneticPr fontId="2"/>
  </si>
  <si>
    <t>西牟婁・田辺版　無理をせぬよう　農繁期の妊産婦</t>
    <rPh sb="0" eb="3">
      <t>ニシムロ</t>
    </rPh>
    <rPh sb="4" eb="6">
      <t>タナベ</t>
    </rPh>
    <rPh sb="6" eb="7">
      <t>バン</t>
    </rPh>
    <rPh sb="8" eb="10">
      <t>ムリ</t>
    </rPh>
    <rPh sb="16" eb="19">
      <t>ノウハンキ</t>
    </rPh>
    <rPh sb="20" eb="23">
      <t>ニンサンプ</t>
    </rPh>
    <phoneticPr fontId="2"/>
  </si>
  <si>
    <t>西牟婁・田辺版　ハンターご用心　白浜と椿に国設禁猟区</t>
    <rPh sb="0" eb="3">
      <t>ニシムロ</t>
    </rPh>
    <rPh sb="4" eb="6">
      <t>タナベ</t>
    </rPh>
    <rPh sb="6" eb="7">
      <t>バン</t>
    </rPh>
    <rPh sb="13" eb="15">
      <t>ヨウジン</t>
    </rPh>
    <rPh sb="16" eb="18">
      <t>シラハマ</t>
    </rPh>
    <rPh sb="19" eb="20">
      <t>ツバキ</t>
    </rPh>
    <rPh sb="21" eb="23">
      <t>コクセツ</t>
    </rPh>
    <rPh sb="23" eb="26">
      <t>キンリョウク</t>
    </rPh>
    <phoneticPr fontId="2"/>
  </si>
  <si>
    <t>西牟婁・田辺版　日置川の二橋竣工（写真　完成を急ぐ久木橋）</t>
    <rPh sb="0" eb="3">
      <t>ニシムロ</t>
    </rPh>
    <rPh sb="4" eb="6">
      <t>タナベ</t>
    </rPh>
    <rPh sb="6" eb="7">
      <t>バン</t>
    </rPh>
    <rPh sb="8" eb="11">
      <t>ヒキガワ</t>
    </rPh>
    <rPh sb="12" eb="16">
      <t>2ハシシュンコウ</t>
    </rPh>
    <rPh sb="17" eb="19">
      <t>シャシン</t>
    </rPh>
    <rPh sb="20" eb="22">
      <t>カンセイ</t>
    </rPh>
    <rPh sb="23" eb="24">
      <t>イソ</t>
    </rPh>
    <rPh sb="25" eb="27">
      <t>ヒサキ</t>
    </rPh>
    <rPh sb="27" eb="28">
      <t>ハシ</t>
    </rPh>
    <phoneticPr fontId="2"/>
  </si>
  <si>
    <t>西牟婁・田辺版　裏作から実施　上秋津の施肥合理化運動</t>
    <rPh sb="0" eb="3">
      <t>ニシムロ</t>
    </rPh>
    <rPh sb="4" eb="6">
      <t>タナベ</t>
    </rPh>
    <rPh sb="6" eb="7">
      <t>バン</t>
    </rPh>
    <rPh sb="8" eb="10">
      <t>ウラサク</t>
    </rPh>
    <rPh sb="12" eb="14">
      <t>ジッシ</t>
    </rPh>
    <rPh sb="15" eb="18">
      <t>カミアキヅ</t>
    </rPh>
    <rPh sb="19" eb="21">
      <t>セヒ</t>
    </rPh>
    <rPh sb="21" eb="24">
      <t>ゴウリカ</t>
    </rPh>
    <rPh sb="24" eb="26">
      <t>ウンドウ</t>
    </rPh>
    <phoneticPr fontId="2"/>
  </si>
  <si>
    <t>西牟婁・田辺版　続々と鉄筋校舎に　田辺市内小中学校の改築（写真　完成した田辺第三小学校校舎）</t>
    <rPh sb="0" eb="3">
      <t>ニシムロ</t>
    </rPh>
    <rPh sb="4" eb="6">
      <t>タナベ</t>
    </rPh>
    <rPh sb="6" eb="7">
      <t>バン</t>
    </rPh>
    <rPh sb="8" eb="10">
      <t>ゾクゾク</t>
    </rPh>
    <rPh sb="11" eb="13">
      <t>テッキン</t>
    </rPh>
    <rPh sb="13" eb="15">
      <t>コウシャ</t>
    </rPh>
    <rPh sb="17" eb="19">
      <t>タナベ</t>
    </rPh>
    <rPh sb="19" eb="21">
      <t>シナイ</t>
    </rPh>
    <rPh sb="21" eb="25">
      <t>ショウチュウガッコウ</t>
    </rPh>
    <rPh sb="26" eb="28">
      <t>カイチク</t>
    </rPh>
    <rPh sb="29" eb="31">
      <t>シャシン</t>
    </rPh>
    <rPh sb="32" eb="34">
      <t>カンセイ</t>
    </rPh>
    <rPh sb="36" eb="38">
      <t>タナベ</t>
    </rPh>
    <rPh sb="38" eb="39">
      <t>ダイ</t>
    </rPh>
    <rPh sb="39" eb="40">
      <t>3</t>
    </rPh>
    <rPh sb="40" eb="43">
      <t>ショウガッコウ</t>
    </rPh>
    <rPh sb="43" eb="45">
      <t>コウシャ</t>
    </rPh>
    <phoneticPr fontId="2"/>
  </si>
  <si>
    <t>西牟婁・田辺版　図書館だより</t>
    <rPh sb="0" eb="3">
      <t>ニシムロ</t>
    </rPh>
    <rPh sb="4" eb="6">
      <t>タナベ</t>
    </rPh>
    <rPh sb="6" eb="7">
      <t>バン</t>
    </rPh>
    <rPh sb="8" eb="11">
      <t>トショカン</t>
    </rPh>
    <phoneticPr fontId="2"/>
  </si>
  <si>
    <t>西牟婁・田辺版　貯蓄標語募集</t>
    <rPh sb="0" eb="3">
      <t>ニシムロ</t>
    </rPh>
    <rPh sb="4" eb="6">
      <t>タナベ</t>
    </rPh>
    <rPh sb="6" eb="7">
      <t>バン</t>
    </rPh>
    <phoneticPr fontId="2"/>
  </si>
  <si>
    <t>西牟婁・田辺版　空気銃の所持に許可が必要です　１１月１日～１１月３１日</t>
    <rPh sb="0" eb="3">
      <t>ニシムロ</t>
    </rPh>
    <rPh sb="4" eb="6">
      <t>タナベ</t>
    </rPh>
    <rPh sb="6" eb="7">
      <t>バン</t>
    </rPh>
    <phoneticPr fontId="2"/>
  </si>
  <si>
    <t>西牟婁・田辺版　１０月２１日→３０日　秋季交通安全運動</t>
    <rPh sb="0" eb="3">
      <t>ニシムロ</t>
    </rPh>
    <rPh sb="4" eb="6">
      <t>タナベ</t>
    </rPh>
    <rPh sb="6" eb="7">
      <t>バン</t>
    </rPh>
    <phoneticPr fontId="2"/>
  </si>
  <si>
    <t>東牟婁・新宮版　未熟児問題解決へ　保健所　産制普及に努力</t>
    <rPh sb="0" eb="3">
      <t>ヒガシムロ</t>
    </rPh>
    <rPh sb="4" eb="7">
      <t>シングウバン</t>
    </rPh>
    <rPh sb="8" eb="11">
      <t>ミジュクジ</t>
    </rPh>
    <rPh sb="11" eb="13">
      <t>モンダイ</t>
    </rPh>
    <rPh sb="13" eb="15">
      <t>カイケツ</t>
    </rPh>
    <rPh sb="17" eb="20">
      <t>ホケンジョ</t>
    </rPh>
    <rPh sb="21" eb="23">
      <t>サンセイ</t>
    </rPh>
    <rPh sb="23" eb="25">
      <t>フキュウ</t>
    </rPh>
    <rPh sb="26" eb="28">
      <t>ドリョク</t>
    </rPh>
    <phoneticPr fontId="2"/>
  </si>
  <si>
    <t>東牟婁・新宮版　各地で敬老会　としよりの日　知事、高齢者に座布団贈る</t>
    <rPh sb="0" eb="3">
      <t>ヒガシムロ</t>
    </rPh>
    <rPh sb="4" eb="7">
      <t>シングウバン</t>
    </rPh>
    <rPh sb="8" eb="10">
      <t>カクチ</t>
    </rPh>
    <rPh sb="11" eb="14">
      <t>ケイロウカイ</t>
    </rPh>
    <rPh sb="20" eb="21">
      <t>ヒ</t>
    </rPh>
    <rPh sb="22" eb="24">
      <t>チジ</t>
    </rPh>
    <rPh sb="25" eb="28">
      <t>コウレイシャ</t>
    </rPh>
    <rPh sb="29" eb="32">
      <t>ザブトン</t>
    </rPh>
    <rPh sb="32" eb="33">
      <t>オク</t>
    </rPh>
    <phoneticPr fontId="2"/>
  </si>
  <si>
    <t>東牟婁・新宮版　市営住宅も安心です　三輪崎海岸の護岸復旧成る（写真）</t>
    <rPh sb="0" eb="3">
      <t>ヒガシムロ</t>
    </rPh>
    <rPh sb="4" eb="7">
      <t>シングウバン</t>
    </rPh>
    <rPh sb="8" eb="10">
      <t>シエイ</t>
    </rPh>
    <rPh sb="10" eb="12">
      <t>ジュウタク</t>
    </rPh>
    <rPh sb="13" eb="15">
      <t>アンシン</t>
    </rPh>
    <rPh sb="18" eb="21">
      <t>ミワサキ</t>
    </rPh>
    <rPh sb="21" eb="23">
      <t>カイガン</t>
    </rPh>
    <rPh sb="24" eb="26">
      <t>ゴガン</t>
    </rPh>
    <rPh sb="26" eb="28">
      <t>フッキュウ</t>
    </rPh>
    <rPh sb="28" eb="29">
      <t>ナ</t>
    </rPh>
    <rPh sb="31" eb="33">
      <t>シャシン</t>
    </rPh>
    <phoneticPr fontId="2"/>
  </si>
  <si>
    <t>東牟婁・新宮版　図書館だより</t>
    <rPh sb="0" eb="3">
      <t>ヒガシムロ</t>
    </rPh>
    <rPh sb="4" eb="7">
      <t>シングウバン</t>
    </rPh>
    <rPh sb="8" eb="11">
      <t>トショカン</t>
    </rPh>
    <phoneticPr fontId="2"/>
  </si>
  <si>
    <t>東牟婁・新宮版　自立促進貯蓄運動</t>
    <rPh sb="0" eb="3">
      <t>ヒガシムロ</t>
    </rPh>
    <rPh sb="4" eb="7">
      <t>シングウバン</t>
    </rPh>
    <rPh sb="8" eb="10">
      <t>ジリツ</t>
    </rPh>
    <rPh sb="10" eb="12">
      <t>ソクシン</t>
    </rPh>
    <rPh sb="12" eb="14">
      <t>チョチク</t>
    </rPh>
    <rPh sb="14" eb="16">
      <t>ウンドウ</t>
    </rPh>
    <phoneticPr fontId="2"/>
  </si>
  <si>
    <t>東牟婁・新宮版　改善結婚料理　友の会が講習会（写真　料理講習会）</t>
    <rPh sb="0" eb="3">
      <t>ヒガシムロ</t>
    </rPh>
    <rPh sb="4" eb="7">
      <t>シングウバン</t>
    </rPh>
    <rPh sb="8" eb="10">
      <t>カイゼン</t>
    </rPh>
    <rPh sb="10" eb="12">
      <t>ケッコン</t>
    </rPh>
    <rPh sb="12" eb="14">
      <t>リョウリ</t>
    </rPh>
    <rPh sb="15" eb="16">
      <t>トモ</t>
    </rPh>
    <rPh sb="17" eb="18">
      <t>カイ</t>
    </rPh>
    <rPh sb="19" eb="22">
      <t>コウシュウカイ</t>
    </rPh>
    <rPh sb="23" eb="25">
      <t>シャシン</t>
    </rPh>
    <rPh sb="26" eb="28">
      <t>リョウリ</t>
    </rPh>
    <rPh sb="28" eb="31">
      <t>コウシュウカイ</t>
    </rPh>
    <phoneticPr fontId="2"/>
  </si>
  <si>
    <t>東牟婁・新宮版　鉄骨造りで完成　丹鶴小講堂と城南中体育館（写真　完成した丹鶴小学校行動の内部）</t>
    <rPh sb="0" eb="3">
      <t>ヒガシムロ</t>
    </rPh>
    <rPh sb="4" eb="7">
      <t>シングウバン</t>
    </rPh>
    <rPh sb="8" eb="10">
      <t>テッコツ</t>
    </rPh>
    <rPh sb="10" eb="11">
      <t>ヅク</t>
    </rPh>
    <rPh sb="13" eb="15">
      <t>カンセイ</t>
    </rPh>
    <rPh sb="16" eb="17">
      <t>タン</t>
    </rPh>
    <rPh sb="17" eb="18">
      <t>ツル</t>
    </rPh>
    <rPh sb="18" eb="19">
      <t>ショウ</t>
    </rPh>
    <rPh sb="19" eb="21">
      <t>コウドウ</t>
    </rPh>
    <rPh sb="22" eb="24">
      <t>ジョウナン</t>
    </rPh>
    <rPh sb="24" eb="25">
      <t>チュウ</t>
    </rPh>
    <rPh sb="25" eb="28">
      <t>タイイクカン</t>
    </rPh>
    <rPh sb="29" eb="31">
      <t>シャシン</t>
    </rPh>
    <rPh sb="32" eb="34">
      <t>カンセイ</t>
    </rPh>
    <rPh sb="36" eb="37">
      <t>タン</t>
    </rPh>
    <rPh sb="37" eb="38">
      <t>ツル</t>
    </rPh>
    <rPh sb="38" eb="41">
      <t>ショウガッコウ</t>
    </rPh>
    <rPh sb="41" eb="43">
      <t>コウドウ</t>
    </rPh>
    <rPh sb="44" eb="46">
      <t>ナイブ</t>
    </rPh>
    <phoneticPr fontId="2"/>
  </si>
  <si>
    <t>東牟婁・新宮版　町村めぐり　請川村</t>
    <rPh sb="0" eb="3">
      <t>ヒガシムロ</t>
    </rPh>
    <rPh sb="4" eb="7">
      <t>シングウバン</t>
    </rPh>
    <rPh sb="8" eb="10">
      <t>チョウソン</t>
    </rPh>
    <rPh sb="14" eb="15">
      <t>ウケ</t>
    </rPh>
    <rPh sb="15" eb="16">
      <t>ガワ</t>
    </rPh>
    <rPh sb="16" eb="17">
      <t>ムラ</t>
    </rPh>
    <phoneticPr fontId="2"/>
  </si>
  <si>
    <t>東牟婁・新宮版　貯蓄標語募集</t>
    <rPh sb="0" eb="3">
      <t>ヒガシムロ</t>
    </rPh>
    <rPh sb="4" eb="7">
      <t>シングウバン</t>
    </rPh>
    <phoneticPr fontId="2"/>
  </si>
  <si>
    <t>東牟婁・新宮版　空気銃の所持に許可が必要です　１１月１日～１１月３１日</t>
    <rPh sb="0" eb="3">
      <t>ヒガシムロ</t>
    </rPh>
    <rPh sb="4" eb="7">
      <t>シングウバン</t>
    </rPh>
    <phoneticPr fontId="2"/>
  </si>
  <si>
    <t>東牟婁・新宮版　１０月２１日→３０日　秋季交通安全運動</t>
    <rPh sb="0" eb="3">
      <t>ヒガシムロ</t>
    </rPh>
    <rPh sb="4" eb="7">
      <t>シングウバン</t>
    </rPh>
    <phoneticPr fontId="2"/>
  </si>
  <si>
    <t>土木汚職の行政分発表　知事自らも減俸　全職員に自粛自戒を要望</t>
    <rPh sb="0" eb="2">
      <t>ドボク</t>
    </rPh>
    <rPh sb="2" eb="4">
      <t>オショク</t>
    </rPh>
    <rPh sb="5" eb="7">
      <t>ギョウセイ</t>
    </rPh>
    <rPh sb="7" eb="8">
      <t>ブン</t>
    </rPh>
    <rPh sb="8" eb="10">
      <t>ハッピョウ</t>
    </rPh>
    <rPh sb="11" eb="13">
      <t>チジ</t>
    </rPh>
    <rPh sb="13" eb="14">
      <t>ミズカ</t>
    </rPh>
    <rPh sb="16" eb="18">
      <t>ゲンポウ</t>
    </rPh>
    <rPh sb="19" eb="22">
      <t>ゼンショクイン</t>
    </rPh>
    <rPh sb="23" eb="25">
      <t>ジシュク</t>
    </rPh>
    <rPh sb="25" eb="27">
      <t>ジカイ</t>
    </rPh>
    <rPh sb="28" eb="30">
      <t>ヨウボウ</t>
    </rPh>
    <phoneticPr fontId="2"/>
  </si>
  <si>
    <t>総務、土木両部長更迭　係長以上の人事異動発令</t>
    <rPh sb="0" eb="2">
      <t>ソウム</t>
    </rPh>
    <rPh sb="3" eb="5">
      <t>ドボク</t>
    </rPh>
    <rPh sb="5" eb="6">
      <t>リョウ</t>
    </rPh>
    <rPh sb="6" eb="8">
      <t>ブチョウ</t>
    </rPh>
    <rPh sb="8" eb="10">
      <t>コウテツ</t>
    </rPh>
    <rPh sb="11" eb="13">
      <t>カカリチョウ</t>
    </rPh>
    <rPh sb="13" eb="15">
      <t>イジョウ</t>
    </rPh>
    <rPh sb="16" eb="18">
      <t>ジンジ</t>
    </rPh>
    <rPh sb="18" eb="20">
      <t>イドウ</t>
    </rPh>
    <rPh sb="20" eb="22">
      <t>ハツレイ</t>
    </rPh>
    <phoneticPr fontId="2"/>
  </si>
  <si>
    <t>貯蓄のつどいひらく（写真　丸正百貨店４階の劇場の様子）</t>
    <rPh sb="0" eb="2">
      <t>チョチク</t>
    </rPh>
    <rPh sb="10" eb="12">
      <t>シャシン</t>
    </rPh>
    <rPh sb="13" eb="18">
      <t>マルショウヒャッカテン</t>
    </rPh>
    <rPh sb="19" eb="20">
      <t>カイ</t>
    </rPh>
    <rPh sb="21" eb="23">
      <t>ゲキジョウ</t>
    </rPh>
    <rPh sb="24" eb="26">
      <t>ヨウス</t>
    </rPh>
    <phoneticPr fontId="2"/>
  </si>
  <si>
    <t>宗教法人にご注意</t>
    <rPh sb="0" eb="4">
      <t>シュウキョウホウジン</t>
    </rPh>
    <rPh sb="6" eb="8">
      <t>チュウイ</t>
    </rPh>
    <phoneticPr fontId="2"/>
  </si>
  <si>
    <t>九月定例県議会おわる</t>
    <rPh sb="0" eb="1">
      <t>9</t>
    </rPh>
    <rPh sb="1" eb="2">
      <t>ガツ</t>
    </rPh>
    <rPh sb="2" eb="4">
      <t>テイレイ</t>
    </rPh>
    <rPh sb="4" eb="7">
      <t>ケンギカイ</t>
    </rPh>
    <phoneticPr fontId="2"/>
  </si>
  <si>
    <t>母子家庭を明るくする運動　１０月１５日～１２月３１日</t>
    <rPh sb="0" eb="2">
      <t>ボシ</t>
    </rPh>
    <rPh sb="2" eb="4">
      <t>カテイ</t>
    </rPh>
    <rPh sb="5" eb="6">
      <t>アカ</t>
    </rPh>
    <rPh sb="10" eb="12">
      <t>ウンドウ</t>
    </rPh>
    <rPh sb="15" eb="16">
      <t>ガツ</t>
    </rPh>
    <rPh sb="18" eb="19">
      <t>ニチ</t>
    </rPh>
    <rPh sb="22" eb="23">
      <t>ガツ</t>
    </rPh>
    <rPh sb="25" eb="26">
      <t>ニチ</t>
    </rPh>
    <phoneticPr fontId="2"/>
  </si>
  <si>
    <t>東京に学生寮建設</t>
    <rPh sb="0" eb="2">
      <t>トウキョウ</t>
    </rPh>
    <rPh sb="3" eb="6">
      <t>ガクセイリョウ</t>
    </rPh>
    <rPh sb="6" eb="8">
      <t>ケンセツ</t>
    </rPh>
    <phoneticPr fontId="2"/>
  </si>
  <si>
    <t>普通選挙法３０周年・婦人参政権１０周年　多彩な記念行事</t>
    <rPh sb="0" eb="2">
      <t>フツウ</t>
    </rPh>
    <rPh sb="2" eb="5">
      <t>センキョホウ</t>
    </rPh>
    <rPh sb="7" eb="9">
      <t>シュウネン</t>
    </rPh>
    <rPh sb="10" eb="12">
      <t>フジン</t>
    </rPh>
    <rPh sb="12" eb="15">
      <t>サンセイケン</t>
    </rPh>
    <rPh sb="17" eb="19">
      <t>シュウネン</t>
    </rPh>
    <rPh sb="20" eb="22">
      <t>タサイ</t>
    </rPh>
    <rPh sb="23" eb="25">
      <t>キネン</t>
    </rPh>
    <rPh sb="25" eb="27">
      <t>ギョウジ</t>
    </rPh>
    <phoneticPr fontId="2"/>
  </si>
  <si>
    <t>必ず公給領収証を　遊興飲食税が改正されました</t>
    <rPh sb="0" eb="1">
      <t>カナラ</t>
    </rPh>
    <rPh sb="2" eb="3">
      <t>コウ</t>
    </rPh>
    <rPh sb="3" eb="4">
      <t>キュウ</t>
    </rPh>
    <rPh sb="4" eb="7">
      <t>リョウシュウショウ</t>
    </rPh>
    <rPh sb="9" eb="11">
      <t>ユウキョウ</t>
    </rPh>
    <rPh sb="11" eb="13">
      <t>インショク</t>
    </rPh>
    <rPh sb="13" eb="14">
      <t>ゼイ</t>
    </rPh>
    <rPh sb="15" eb="17">
      <t>カイセイ</t>
    </rPh>
    <phoneticPr fontId="2"/>
  </si>
  <si>
    <t>盛大に社会福祉事業大会（写真　功労者の表彰、満員の会場）</t>
    <rPh sb="0" eb="2">
      <t>セイダイ</t>
    </rPh>
    <rPh sb="3" eb="5">
      <t>シャカイ</t>
    </rPh>
    <rPh sb="5" eb="7">
      <t>フクシ</t>
    </rPh>
    <rPh sb="7" eb="9">
      <t>ジギョウ</t>
    </rPh>
    <rPh sb="9" eb="11">
      <t>タイカイ</t>
    </rPh>
    <rPh sb="12" eb="14">
      <t>シャシン</t>
    </rPh>
    <rPh sb="15" eb="18">
      <t>コウロウシャ</t>
    </rPh>
    <rPh sb="19" eb="21">
      <t>ヒョウショウ</t>
    </rPh>
    <rPh sb="22" eb="24">
      <t>マンイン</t>
    </rPh>
    <rPh sb="25" eb="27">
      <t>カイジョウ</t>
    </rPh>
    <phoneticPr fontId="2"/>
  </si>
  <si>
    <t>結核予防法の改正で全住民が健康診断</t>
    <rPh sb="0" eb="2">
      <t>ケッカク</t>
    </rPh>
    <rPh sb="2" eb="4">
      <t>ヨボウ</t>
    </rPh>
    <rPh sb="4" eb="5">
      <t>ホウ</t>
    </rPh>
    <rPh sb="6" eb="8">
      <t>カイセイ</t>
    </rPh>
    <rPh sb="9" eb="10">
      <t>ゼン</t>
    </rPh>
    <rPh sb="10" eb="12">
      <t>ジュウミン</t>
    </rPh>
    <rPh sb="13" eb="15">
      <t>ケンコウ</t>
    </rPh>
    <rPh sb="15" eb="17">
      <t>シンダン</t>
    </rPh>
    <phoneticPr fontId="2"/>
  </si>
  <si>
    <t>家族計画　特別指導地区に</t>
    <rPh sb="0" eb="4">
      <t>カゾクケイカク</t>
    </rPh>
    <rPh sb="5" eb="7">
      <t>トクベツ</t>
    </rPh>
    <rPh sb="7" eb="9">
      <t>シドウ</t>
    </rPh>
    <rPh sb="9" eb="11">
      <t>チク</t>
    </rPh>
    <phoneticPr fontId="2"/>
  </si>
  <si>
    <t>今月の広報番組　NHK（第一放送）　JOJR（四国放送）</t>
    <rPh sb="0" eb="2">
      <t>コンゲツ</t>
    </rPh>
    <rPh sb="3" eb="5">
      <t>コウホウ</t>
    </rPh>
    <rPh sb="5" eb="7">
      <t>バングミ</t>
    </rPh>
    <rPh sb="12" eb="14">
      <t>ダイイチ</t>
    </rPh>
    <rPh sb="14" eb="16">
      <t>ホウソウ</t>
    </rPh>
    <rPh sb="23" eb="25">
      <t>シコク</t>
    </rPh>
    <rPh sb="25" eb="27">
      <t>ホウソウ</t>
    </rPh>
    <phoneticPr fontId="2"/>
  </si>
  <si>
    <t>ホリドール・パラチオンは　毒物及び劇物取締法の改正　１０月１日から</t>
    <rPh sb="13" eb="15">
      <t>ドクブツ</t>
    </rPh>
    <rPh sb="15" eb="16">
      <t>オヨ</t>
    </rPh>
    <rPh sb="17" eb="19">
      <t>ゲキブツ</t>
    </rPh>
    <rPh sb="19" eb="22">
      <t>トリシマリホウ</t>
    </rPh>
    <rPh sb="23" eb="25">
      <t>カイセイ</t>
    </rPh>
    <rPh sb="28" eb="29">
      <t>ガツ</t>
    </rPh>
    <rPh sb="30" eb="31">
      <t>ヒ</t>
    </rPh>
    <phoneticPr fontId="2"/>
  </si>
  <si>
    <t>北海道見本市人気呼ぶ　好評を博した優良賞品の証紙（写真　即売会場に集まる人々＝札幌市）</t>
    <rPh sb="0" eb="3">
      <t>ホッカイドウ</t>
    </rPh>
    <rPh sb="3" eb="6">
      <t>ミホンイチ</t>
    </rPh>
    <rPh sb="6" eb="8">
      <t>ニンキ</t>
    </rPh>
    <rPh sb="8" eb="9">
      <t>ヨ</t>
    </rPh>
    <rPh sb="11" eb="13">
      <t>コウヒョウ</t>
    </rPh>
    <rPh sb="14" eb="15">
      <t>ハク</t>
    </rPh>
    <rPh sb="17" eb="19">
      <t>ユウリョウ</t>
    </rPh>
    <rPh sb="19" eb="21">
      <t>ショウヒン</t>
    </rPh>
    <rPh sb="22" eb="24">
      <t>ショウシ</t>
    </rPh>
    <rPh sb="25" eb="27">
      <t>シャシン</t>
    </rPh>
    <rPh sb="28" eb="30">
      <t>ソクバイ</t>
    </rPh>
    <rPh sb="30" eb="32">
      <t>カイジョウ</t>
    </rPh>
    <rPh sb="33" eb="34">
      <t>アツ</t>
    </rPh>
    <rPh sb="36" eb="38">
      <t>ヒトビト</t>
    </rPh>
    <rPh sb="39" eb="42">
      <t>サッポロシ</t>
    </rPh>
    <phoneticPr fontId="2"/>
  </si>
  <si>
    <t>ラジオで通信教育　六日から当院高校で実施</t>
    <rPh sb="4" eb="8">
      <t>ツウシンキョウイク</t>
    </rPh>
    <rPh sb="9" eb="10">
      <t>6</t>
    </rPh>
    <rPh sb="10" eb="11">
      <t>ヒ</t>
    </rPh>
    <rPh sb="13" eb="15">
      <t>トウイン</t>
    </rPh>
    <rPh sb="15" eb="17">
      <t>コウコウ</t>
    </rPh>
    <rPh sb="18" eb="20">
      <t>ジッシ</t>
    </rPh>
    <phoneticPr fontId="2"/>
  </si>
  <si>
    <t>お国自慢④　那智の火祭り（写真）　東牟婁地方事務所発</t>
    <rPh sb="1" eb="2">
      <t>クニ</t>
    </rPh>
    <rPh sb="2" eb="4">
      <t>ジマン</t>
    </rPh>
    <rPh sb="6" eb="8">
      <t>ナチ</t>
    </rPh>
    <rPh sb="9" eb="11">
      <t>ヒマツ</t>
    </rPh>
    <rPh sb="13" eb="15">
      <t>シャシン</t>
    </rPh>
    <rPh sb="17" eb="20">
      <t>ヒガシムロ</t>
    </rPh>
    <rPh sb="20" eb="22">
      <t>チホウ</t>
    </rPh>
    <rPh sb="22" eb="25">
      <t>ジムショ</t>
    </rPh>
    <rPh sb="25" eb="26">
      <t>ハツ</t>
    </rPh>
    <phoneticPr fontId="2"/>
  </si>
  <si>
    <t>法規改正にハンター御用心</t>
    <rPh sb="0" eb="2">
      <t>ホウキ</t>
    </rPh>
    <rPh sb="2" eb="4">
      <t>カイセイ</t>
    </rPh>
    <rPh sb="9" eb="12">
      <t>ゴヨウジン</t>
    </rPh>
    <phoneticPr fontId="2"/>
  </si>
  <si>
    <t>全国表彰　主婦の友社"日本の母"高垣さん、厚生省　優良母子家庭　硲さん</t>
    <rPh sb="0" eb="2">
      <t>ゼンコク</t>
    </rPh>
    <rPh sb="2" eb="4">
      <t>ヒョウショウ</t>
    </rPh>
    <rPh sb="5" eb="7">
      <t>シュフ</t>
    </rPh>
    <rPh sb="8" eb="9">
      <t>トモ</t>
    </rPh>
    <rPh sb="9" eb="10">
      <t>シャ</t>
    </rPh>
    <rPh sb="11" eb="13">
      <t>ニホン</t>
    </rPh>
    <rPh sb="14" eb="15">
      <t>ハハ</t>
    </rPh>
    <rPh sb="16" eb="18">
      <t>タカガキ</t>
    </rPh>
    <rPh sb="21" eb="24">
      <t>コウセイショウ</t>
    </rPh>
    <rPh sb="25" eb="27">
      <t>ユウリョウ</t>
    </rPh>
    <rPh sb="27" eb="29">
      <t>ボシ</t>
    </rPh>
    <rPh sb="29" eb="31">
      <t>カテイ</t>
    </rPh>
    <rPh sb="32" eb="33">
      <t>ハザマ</t>
    </rPh>
    <phoneticPr fontId="2"/>
  </si>
  <si>
    <t>結核　外気小舎５０戸　生活困窮者に貸与</t>
    <rPh sb="0" eb="2">
      <t>ケッカク</t>
    </rPh>
    <rPh sb="3" eb="5">
      <t>ガイキ</t>
    </rPh>
    <rPh sb="5" eb="6">
      <t>ショウ</t>
    </rPh>
    <rPh sb="6" eb="7">
      <t>シャ</t>
    </rPh>
    <rPh sb="9" eb="10">
      <t>コ</t>
    </rPh>
    <rPh sb="11" eb="13">
      <t>セイカツ</t>
    </rPh>
    <rPh sb="13" eb="16">
      <t>コンキュウシャ</t>
    </rPh>
    <rPh sb="17" eb="19">
      <t>タイヨ</t>
    </rPh>
    <phoneticPr fontId="2"/>
  </si>
  <si>
    <t>県消防研鑽大会ひらく</t>
    <rPh sb="0" eb="1">
      <t>ケン</t>
    </rPh>
    <rPh sb="1" eb="3">
      <t>ショウボウ</t>
    </rPh>
    <rPh sb="3" eb="5">
      <t>ケンサン</t>
    </rPh>
    <rPh sb="5" eb="7">
      <t>タイカイ</t>
    </rPh>
    <phoneticPr fontId="2"/>
  </si>
  <si>
    <t>市内版　里親に感謝の子ら座談会</t>
    <rPh sb="0" eb="2">
      <t>シナイ</t>
    </rPh>
    <rPh sb="2" eb="3">
      <t>バン</t>
    </rPh>
    <rPh sb="4" eb="6">
      <t>サトオヤ</t>
    </rPh>
    <rPh sb="7" eb="9">
      <t>カンシャ</t>
    </rPh>
    <rPh sb="10" eb="11">
      <t>コ</t>
    </rPh>
    <rPh sb="12" eb="15">
      <t>ザダンカイ</t>
    </rPh>
    <phoneticPr fontId="2"/>
  </si>
  <si>
    <t>市内版　文化の日に表彰　学校、社会教育功労者</t>
    <rPh sb="0" eb="2">
      <t>シナイ</t>
    </rPh>
    <rPh sb="2" eb="3">
      <t>バン</t>
    </rPh>
    <rPh sb="4" eb="6">
      <t>ブンカ</t>
    </rPh>
    <rPh sb="7" eb="8">
      <t>ヒ</t>
    </rPh>
    <rPh sb="9" eb="11">
      <t>ヒョウショウ</t>
    </rPh>
    <rPh sb="12" eb="14">
      <t>ガッコウ</t>
    </rPh>
    <rPh sb="15" eb="17">
      <t>シャカイ</t>
    </rPh>
    <rPh sb="17" eb="19">
      <t>キョウイク</t>
    </rPh>
    <rPh sb="19" eb="22">
      <t>コウロウシャ</t>
    </rPh>
    <phoneticPr fontId="2"/>
  </si>
  <si>
    <t>市内版　交通安全運動を実施（写真　風船に喜ぶ中之島幼稚園児）</t>
    <rPh sb="0" eb="2">
      <t>シナイ</t>
    </rPh>
    <rPh sb="2" eb="3">
      <t>バン</t>
    </rPh>
    <rPh sb="4" eb="10">
      <t>コウツウアンゼンウンドウ</t>
    </rPh>
    <rPh sb="11" eb="13">
      <t>ジッシ</t>
    </rPh>
    <rPh sb="14" eb="16">
      <t>シャシン</t>
    </rPh>
    <rPh sb="17" eb="19">
      <t>フウセン</t>
    </rPh>
    <rPh sb="20" eb="21">
      <t>ヨロコ</t>
    </rPh>
    <rPh sb="22" eb="25">
      <t>ナカノシマ</t>
    </rPh>
    <rPh sb="25" eb="27">
      <t>ヨウチ</t>
    </rPh>
    <rPh sb="27" eb="29">
      <t>エンジ</t>
    </rPh>
    <phoneticPr fontId="2"/>
  </si>
  <si>
    <t>市内版　桐蔭高の校舎落成（写真　新築なった校舎）</t>
    <rPh sb="0" eb="2">
      <t>シナイ</t>
    </rPh>
    <rPh sb="2" eb="3">
      <t>バン</t>
    </rPh>
    <rPh sb="4" eb="6">
      <t>トウイン</t>
    </rPh>
    <rPh sb="6" eb="7">
      <t>コウ</t>
    </rPh>
    <rPh sb="8" eb="10">
      <t>コウシャ</t>
    </rPh>
    <rPh sb="10" eb="12">
      <t>ラクセイ</t>
    </rPh>
    <rPh sb="13" eb="15">
      <t>シャシン</t>
    </rPh>
    <rPh sb="16" eb="18">
      <t>シンチク</t>
    </rPh>
    <rPh sb="21" eb="23">
      <t>コウシャ</t>
    </rPh>
    <phoneticPr fontId="2"/>
  </si>
  <si>
    <t>市内版　少年自衛官を募集！</t>
    <rPh sb="0" eb="2">
      <t>シナイ</t>
    </rPh>
    <rPh sb="2" eb="3">
      <t>バン</t>
    </rPh>
    <rPh sb="4" eb="6">
      <t>ショウネン</t>
    </rPh>
    <rPh sb="6" eb="9">
      <t>ジエイカン</t>
    </rPh>
    <rPh sb="10" eb="12">
      <t>ボシュウ</t>
    </rPh>
    <phoneticPr fontId="2"/>
  </si>
  <si>
    <t>市内版　ラジオの販売サービス運動を展開</t>
    <rPh sb="0" eb="2">
      <t>シナイ</t>
    </rPh>
    <rPh sb="2" eb="3">
      <t>バン</t>
    </rPh>
    <rPh sb="8" eb="10">
      <t>ハンバイ</t>
    </rPh>
    <rPh sb="14" eb="16">
      <t>ウンドウ</t>
    </rPh>
    <rPh sb="17" eb="19">
      <t>テンカイ</t>
    </rPh>
    <phoneticPr fontId="2"/>
  </si>
  <si>
    <t>市内版　日米両国籍者は届出が必要</t>
    <rPh sb="0" eb="2">
      <t>シナイ</t>
    </rPh>
    <rPh sb="2" eb="3">
      <t>バン</t>
    </rPh>
    <rPh sb="4" eb="6">
      <t>ニチベイ</t>
    </rPh>
    <rPh sb="6" eb="7">
      <t>リョウ</t>
    </rPh>
    <rPh sb="7" eb="10">
      <t>コクセキシャ</t>
    </rPh>
    <rPh sb="11" eb="13">
      <t>トドケデ</t>
    </rPh>
    <rPh sb="14" eb="16">
      <t>ヒツヨウ</t>
    </rPh>
    <phoneticPr fontId="2"/>
  </si>
  <si>
    <t>市内版　県展作品を募集　１２月７日から開かる</t>
    <rPh sb="0" eb="2">
      <t>シナイ</t>
    </rPh>
    <rPh sb="2" eb="3">
      <t>バン</t>
    </rPh>
    <rPh sb="4" eb="6">
      <t>ケンテン</t>
    </rPh>
    <rPh sb="6" eb="8">
      <t>サクヒン</t>
    </rPh>
    <rPh sb="9" eb="11">
      <t>ボシュウ</t>
    </rPh>
    <rPh sb="14" eb="15">
      <t>ガツ</t>
    </rPh>
    <rPh sb="16" eb="17">
      <t>ヒ</t>
    </rPh>
    <rPh sb="19" eb="20">
      <t>ヒラ</t>
    </rPh>
    <phoneticPr fontId="2"/>
  </si>
  <si>
    <t>市内版　火災予防週間　自１１月２６日　至１２月２日</t>
    <rPh sb="0" eb="2">
      <t>シナイ</t>
    </rPh>
    <rPh sb="2" eb="3">
      <t>バン</t>
    </rPh>
    <rPh sb="4" eb="6">
      <t>カサイ</t>
    </rPh>
    <rPh sb="6" eb="8">
      <t>ヨボウ</t>
    </rPh>
    <rPh sb="8" eb="10">
      <t>シュウカン</t>
    </rPh>
    <rPh sb="11" eb="12">
      <t>ジ</t>
    </rPh>
    <rPh sb="14" eb="15">
      <t>ガツ</t>
    </rPh>
    <rPh sb="17" eb="18">
      <t>ニチ</t>
    </rPh>
    <rPh sb="19" eb="20">
      <t>イタ</t>
    </rPh>
    <rPh sb="22" eb="23">
      <t>ガツ</t>
    </rPh>
    <rPh sb="24" eb="25">
      <t>ヒ</t>
    </rPh>
    <phoneticPr fontId="2"/>
  </si>
  <si>
    <t>市内版　失業保険料完納月間　１１月１日→１２月２５日</t>
    <rPh sb="0" eb="2">
      <t>シナイ</t>
    </rPh>
    <rPh sb="2" eb="3">
      <t>バン</t>
    </rPh>
    <rPh sb="4" eb="6">
      <t>シツギョウ</t>
    </rPh>
    <rPh sb="6" eb="9">
      <t>ホケンリョウ</t>
    </rPh>
    <rPh sb="9" eb="11">
      <t>カンノウ</t>
    </rPh>
    <rPh sb="11" eb="13">
      <t>ゲッカン</t>
    </rPh>
    <rPh sb="16" eb="17">
      <t>ガツ</t>
    </rPh>
    <rPh sb="18" eb="19">
      <t>ヒ</t>
    </rPh>
    <rPh sb="22" eb="23">
      <t>ガツ</t>
    </rPh>
    <rPh sb="25" eb="26">
      <t>ニチ</t>
    </rPh>
    <phoneticPr fontId="2"/>
  </si>
  <si>
    <t>海草・海南版　役立った卵貯金　海南みどり友の会　住生活の改善部門で表彰（写真　改善された台所）</t>
    <rPh sb="0" eb="2">
      <t>カイソウ</t>
    </rPh>
    <rPh sb="3" eb="5">
      <t>カイナン</t>
    </rPh>
    <rPh sb="5" eb="6">
      <t>バン</t>
    </rPh>
    <rPh sb="7" eb="9">
      <t>ヤクダ</t>
    </rPh>
    <rPh sb="11" eb="12">
      <t>タマゴ</t>
    </rPh>
    <rPh sb="12" eb="14">
      <t>チョキン</t>
    </rPh>
    <rPh sb="15" eb="17">
      <t>カイナン</t>
    </rPh>
    <rPh sb="20" eb="21">
      <t>トモ</t>
    </rPh>
    <rPh sb="22" eb="23">
      <t>カイ</t>
    </rPh>
    <rPh sb="24" eb="27">
      <t>ジュウセイカツ</t>
    </rPh>
    <rPh sb="28" eb="30">
      <t>カイゼン</t>
    </rPh>
    <rPh sb="30" eb="32">
      <t>ブモン</t>
    </rPh>
    <rPh sb="33" eb="35">
      <t>ヒョウショウ</t>
    </rPh>
    <rPh sb="36" eb="38">
      <t>シャシン</t>
    </rPh>
    <rPh sb="39" eb="41">
      <t>カイゼン</t>
    </rPh>
    <rPh sb="44" eb="46">
      <t>ダイドコロ</t>
    </rPh>
    <phoneticPr fontId="2"/>
  </si>
  <si>
    <t>海草・海南版　下津婦人会で生活調査</t>
    <rPh sb="0" eb="2">
      <t>カイソウ</t>
    </rPh>
    <rPh sb="3" eb="5">
      <t>カイナン</t>
    </rPh>
    <rPh sb="5" eb="6">
      <t>バン</t>
    </rPh>
    <rPh sb="7" eb="9">
      <t>シモツ</t>
    </rPh>
    <rPh sb="9" eb="12">
      <t>フジンカイ</t>
    </rPh>
    <rPh sb="13" eb="15">
      <t>セイカツ</t>
    </rPh>
    <rPh sb="15" eb="17">
      <t>チョウサ</t>
    </rPh>
    <phoneticPr fontId="2"/>
  </si>
  <si>
    <t>海草・海南版　来月から給水　待望の下津町工業用水</t>
    <rPh sb="0" eb="2">
      <t>カイソウ</t>
    </rPh>
    <rPh sb="3" eb="5">
      <t>カイナン</t>
    </rPh>
    <rPh sb="5" eb="6">
      <t>バン</t>
    </rPh>
    <rPh sb="7" eb="9">
      <t>ライゲツ</t>
    </rPh>
    <rPh sb="11" eb="13">
      <t>キュウスイ</t>
    </rPh>
    <rPh sb="14" eb="16">
      <t>タイボウ</t>
    </rPh>
    <rPh sb="17" eb="20">
      <t>シモツチョウ</t>
    </rPh>
    <rPh sb="20" eb="23">
      <t>コウギョウヨウ</t>
    </rPh>
    <rPh sb="23" eb="24">
      <t>スイ</t>
    </rPh>
    <phoneticPr fontId="2"/>
  </si>
  <si>
    <t>海草・海南版　日米二重国籍は届出が必要</t>
    <rPh sb="0" eb="2">
      <t>カイソウ</t>
    </rPh>
    <rPh sb="3" eb="5">
      <t>カイナン</t>
    </rPh>
    <rPh sb="5" eb="6">
      <t>バン</t>
    </rPh>
    <rPh sb="7" eb="9">
      <t>ニチベイ</t>
    </rPh>
    <rPh sb="9" eb="10">
      <t>2</t>
    </rPh>
    <rPh sb="10" eb="11">
      <t>ジュウ</t>
    </rPh>
    <rPh sb="11" eb="13">
      <t>コクセキ</t>
    </rPh>
    <rPh sb="14" eb="16">
      <t>トドケデ</t>
    </rPh>
    <rPh sb="17" eb="19">
      <t>ヒツヨウ</t>
    </rPh>
    <phoneticPr fontId="2"/>
  </si>
  <si>
    <t>海草・海南版　一着千円の会服　西脇町婦人会できまる</t>
    <rPh sb="0" eb="2">
      <t>カイソウ</t>
    </rPh>
    <rPh sb="3" eb="5">
      <t>カイナン</t>
    </rPh>
    <rPh sb="5" eb="6">
      <t>バン</t>
    </rPh>
    <rPh sb="7" eb="8">
      <t>イッ</t>
    </rPh>
    <rPh sb="8" eb="9">
      <t>チャク</t>
    </rPh>
    <rPh sb="9" eb="10">
      <t>1000</t>
    </rPh>
    <rPh sb="10" eb="11">
      <t>エン</t>
    </rPh>
    <rPh sb="12" eb="14">
      <t>カイフク</t>
    </rPh>
    <rPh sb="15" eb="18">
      <t>ニシワキチョウ</t>
    </rPh>
    <rPh sb="18" eb="21">
      <t>フジンカイ</t>
    </rPh>
    <phoneticPr fontId="2"/>
  </si>
  <si>
    <t>海草・海南版　少年自衛官募集</t>
    <rPh sb="0" eb="2">
      <t>カイソウ</t>
    </rPh>
    <rPh sb="3" eb="5">
      <t>カイナン</t>
    </rPh>
    <rPh sb="5" eb="6">
      <t>バン</t>
    </rPh>
    <rPh sb="7" eb="9">
      <t>ショウネン</t>
    </rPh>
    <rPh sb="9" eb="12">
      <t>ジエイカン</t>
    </rPh>
    <rPh sb="12" eb="14">
      <t>ボシュウ</t>
    </rPh>
    <phoneticPr fontId="2"/>
  </si>
  <si>
    <t>海草・海南版　年２回は赤ちゃんの検診を（写真　乳幼児の健康診断）</t>
    <rPh sb="0" eb="2">
      <t>カイソウ</t>
    </rPh>
    <rPh sb="3" eb="5">
      <t>カイナン</t>
    </rPh>
    <rPh sb="5" eb="6">
      <t>バン</t>
    </rPh>
    <rPh sb="7" eb="8">
      <t>ネン</t>
    </rPh>
    <rPh sb="9" eb="10">
      <t>カイ</t>
    </rPh>
    <rPh sb="11" eb="12">
      <t>アカ</t>
    </rPh>
    <rPh sb="16" eb="18">
      <t>ケンシン</t>
    </rPh>
    <rPh sb="20" eb="22">
      <t>シャシン</t>
    </rPh>
    <rPh sb="23" eb="26">
      <t>ニュウヨウジ</t>
    </rPh>
    <rPh sb="27" eb="31">
      <t>ケンコウシンダン</t>
    </rPh>
    <phoneticPr fontId="2"/>
  </si>
  <si>
    <t>海草・海南版　熱心に測量を実習　農地事務担当者講習会開く（写真　平板測量の実習）</t>
    <rPh sb="0" eb="2">
      <t>カイソウ</t>
    </rPh>
    <rPh sb="3" eb="5">
      <t>カイナン</t>
    </rPh>
    <rPh sb="5" eb="6">
      <t>バン</t>
    </rPh>
    <rPh sb="7" eb="9">
      <t>ネッシン</t>
    </rPh>
    <rPh sb="10" eb="12">
      <t>ソクリョウ</t>
    </rPh>
    <rPh sb="13" eb="15">
      <t>ジッシュウ</t>
    </rPh>
    <rPh sb="16" eb="18">
      <t>ノウチ</t>
    </rPh>
    <rPh sb="18" eb="20">
      <t>ジム</t>
    </rPh>
    <rPh sb="20" eb="23">
      <t>タントウシャ</t>
    </rPh>
    <rPh sb="23" eb="26">
      <t>コウシュウカイ</t>
    </rPh>
    <rPh sb="26" eb="27">
      <t>ヒラ</t>
    </rPh>
    <rPh sb="29" eb="31">
      <t>シャシン</t>
    </rPh>
    <rPh sb="32" eb="34">
      <t>ヒライタ</t>
    </rPh>
    <rPh sb="34" eb="36">
      <t>ソクリョウ</t>
    </rPh>
    <rPh sb="37" eb="39">
      <t>ジッシュウ</t>
    </rPh>
    <phoneticPr fontId="2"/>
  </si>
  <si>
    <t>海草・海南版　海南で照明コンクール</t>
    <rPh sb="0" eb="2">
      <t>カイソウ</t>
    </rPh>
    <rPh sb="3" eb="5">
      <t>カイナン</t>
    </rPh>
    <rPh sb="5" eb="6">
      <t>バン</t>
    </rPh>
    <rPh sb="7" eb="9">
      <t>カイナン</t>
    </rPh>
    <rPh sb="10" eb="12">
      <t>ショウメイ</t>
    </rPh>
    <phoneticPr fontId="2"/>
  </si>
  <si>
    <t>海草・海南版　各地で改善結婚</t>
    <rPh sb="0" eb="2">
      <t>カイソウ</t>
    </rPh>
    <rPh sb="3" eb="5">
      <t>カイナン</t>
    </rPh>
    <rPh sb="5" eb="6">
      <t>バン</t>
    </rPh>
    <rPh sb="7" eb="9">
      <t>カクチ</t>
    </rPh>
    <rPh sb="10" eb="12">
      <t>カイゼン</t>
    </rPh>
    <rPh sb="12" eb="14">
      <t>ケッコン</t>
    </rPh>
    <phoneticPr fontId="2"/>
  </si>
  <si>
    <t>海草・海南版　海南で第一回実績発表デモンストレーション大会</t>
    <rPh sb="0" eb="2">
      <t>カイソウ</t>
    </rPh>
    <rPh sb="3" eb="5">
      <t>カイナン</t>
    </rPh>
    <rPh sb="5" eb="6">
      <t>バン</t>
    </rPh>
    <rPh sb="7" eb="9">
      <t>カイナン</t>
    </rPh>
    <rPh sb="10" eb="11">
      <t>ダイ</t>
    </rPh>
    <rPh sb="11" eb="12">
      <t>1</t>
    </rPh>
    <rPh sb="12" eb="13">
      <t>カイ</t>
    </rPh>
    <rPh sb="13" eb="15">
      <t>ジッセキ</t>
    </rPh>
    <rPh sb="15" eb="17">
      <t>ハッピョウ</t>
    </rPh>
    <rPh sb="27" eb="29">
      <t>タイカイ</t>
    </rPh>
    <phoneticPr fontId="2"/>
  </si>
  <si>
    <t>海草・海南版　火災予防週間　自１１月２６日　至１２月２日</t>
    <rPh sb="0" eb="2">
      <t>カイソウ</t>
    </rPh>
    <rPh sb="3" eb="5">
      <t>カイナン</t>
    </rPh>
    <rPh sb="5" eb="6">
      <t>バン</t>
    </rPh>
    <phoneticPr fontId="2"/>
  </si>
  <si>
    <t>海草・海南版　失業保険料完納月間　１１月１日→１２月２５日</t>
    <rPh sb="0" eb="2">
      <t>カイソウ</t>
    </rPh>
    <rPh sb="3" eb="5">
      <t>カイナン</t>
    </rPh>
    <rPh sb="5" eb="6">
      <t>バン</t>
    </rPh>
    <phoneticPr fontId="2"/>
  </si>
  <si>
    <t>那賀版　貴志川町　合併と復旧祝い（写真　耕地復旧記念碑の除幕式）</t>
    <rPh sb="0" eb="2">
      <t>ナガ</t>
    </rPh>
    <rPh sb="2" eb="3">
      <t>バン</t>
    </rPh>
    <rPh sb="4" eb="8">
      <t>キシガワチョウ</t>
    </rPh>
    <rPh sb="9" eb="11">
      <t>ガッペイ</t>
    </rPh>
    <rPh sb="12" eb="14">
      <t>フッキュウ</t>
    </rPh>
    <rPh sb="14" eb="15">
      <t>イワ</t>
    </rPh>
    <rPh sb="17" eb="19">
      <t>シャシン</t>
    </rPh>
    <rPh sb="20" eb="22">
      <t>コウチ</t>
    </rPh>
    <rPh sb="22" eb="24">
      <t>フッキュウ</t>
    </rPh>
    <rPh sb="24" eb="27">
      <t>キネンヒ</t>
    </rPh>
    <rPh sb="28" eb="31">
      <t>ジョマクシキ</t>
    </rPh>
    <phoneticPr fontId="2"/>
  </si>
  <si>
    <t>那賀版　根本的な工法で地すべりの完全防止を計画</t>
    <rPh sb="0" eb="2">
      <t>ナガ</t>
    </rPh>
    <rPh sb="2" eb="3">
      <t>バン</t>
    </rPh>
    <rPh sb="4" eb="6">
      <t>コンポン</t>
    </rPh>
    <rPh sb="6" eb="7">
      <t>テキ</t>
    </rPh>
    <rPh sb="8" eb="10">
      <t>コウホウ</t>
    </rPh>
    <rPh sb="11" eb="12">
      <t>ジ</t>
    </rPh>
    <rPh sb="16" eb="18">
      <t>カンゼン</t>
    </rPh>
    <rPh sb="18" eb="20">
      <t>ボウシ</t>
    </rPh>
    <rPh sb="21" eb="23">
      <t>ケイカク</t>
    </rPh>
    <phoneticPr fontId="2"/>
  </si>
  <si>
    <t>那賀版　結核対策を強化　テストケースに五ヵ町村</t>
    <rPh sb="0" eb="2">
      <t>ナガ</t>
    </rPh>
    <rPh sb="2" eb="3">
      <t>バン</t>
    </rPh>
    <rPh sb="4" eb="6">
      <t>ケッカク</t>
    </rPh>
    <rPh sb="6" eb="8">
      <t>タイサク</t>
    </rPh>
    <rPh sb="9" eb="11">
      <t>キョウカ</t>
    </rPh>
    <rPh sb="19" eb="20">
      <t>ゴ</t>
    </rPh>
    <rPh sb="21" eb="23">
      <t>チョウソン</t>
    </rPh>
    <phoneticPr fontId="2"/>
  </si>
  <si>
    <t>那賀版　少年自衛隊募集</t>
    <rPh sb="0" eb="2">
      <t>ナガ</t>
    </rPh>
    <rPh sb="2" eb="3">
      <t>バン</t>
    </rPh>
    <rPh sb="4" eb="6">
      <t>ショウネン</t>
    </rPh>
    <rPh sb="6" eb="9">
      <t>ジエイタイ</t>
    </rPh>
    <rPh sb="9" eb="11">
      <t>ボシュウ</t>
    </rPh>
    <phoneticPr fontId="2"/>
  </si>
  <si>
    <t>那賀版　日米両国籍者は届出が必要</t>
    <rPh sb="0" eb="2">
      <t>ナガ</t>
    </rPh>
    <rPh sb="2" eb="3">
      <t>バン</t>
    </rPh>
    <rPh sb="4" eb="6">
      <t>ニチベイ</t>
    </rPh>
    <rPh sb="6" eb="10">
      <t>リョウコクセキシャ</t>
    </rPh>
    <rPh sb="11" eb="13">
      <t>トドケデ</t>
    </rPh>
    <rPh sb="14" eb="16">
      <t>ヒツヨウ</t>
    </rPh>
    <phoneticPr fontId="2"/>
  </si>
  <si>
    <t>那賀版　待望の黄金橋など完成（写真　完成した黄金橋）</t>
    <rPh sb="0" eb="2">
      <t>ナガ</t>
    </rPh>
    <rPh sb="2" eb="3">
      <t>バン</t>
    </rPh>
    <rPh sb="4" eb="6">
      <t>タイボウ</t>
    </rPh>
    <rPh sb="7" eb="10">
      <t>オウゴンバシ</t>
    </rPh>
    <rPh sb="12" eb="14">
      <t>カンセイ</t>
    </rPh>
    <rPh sb="15" eb="17">
      <t>シャシン</t>
    </rPh>
    <rPh sb="18" eb="20">
      <t>カンセイ</t>
    </rPh>
    <rPh sb="22" eb="25">
      <t>オウゴンバシ</t>
    </rPh>
    <phoneticPr fontId="2"/>
  </si>
  <si>
    <t>那賀版　郡観光協会発足</t>
    <rPh sb="0" eb="2">
      <t>ナガ</t>
    </rPh>
    <rPh sb="2" eb="3">
      <t>バン</t>
    </rPh>
    <rPh sb="4" eb="5">
      <t>グン</t>
    </rPh>
    <rPh sb="5" eb="7">
      <t>カンコウ</t>
    </rPh>
    <rPh sb="7" eb="9">
      <t>キョウカイ</t>
    </rPh>
    <rPh sb="9" eb="11">
      <t>ホッソク</t>
    </rPh>
    <phoneticPr fontId="2"/>
  </si>
  <si>
    <t>那賀版　造林、目標へあと一息</t>
    <rPh sb="0" eb="2">
      <t>ナガ</t>
    </rPh>
    <rPh sb="2" eb="3">
      <t>バン</t>
    </rPh>
    <rPh sb="4" eb="6">
      <t>ゾウリン</t>
    </rPh>
    <rPh sb="7" eb="9">
      <t>モクヒョウ</t>
    </rPh>
    <rPh sb="12" eb="14">
      <t>ヒトイキ</t>
    </rPh>
    <phoneticPr fontId="2"/>
  </si>
  <si>
    <t>那賀版　福岡さん入賞　昭和三十年度全国山林苗圃品評会</t>
    <rPh sb="0" eb="2">
      <t>ナガ</t>
    </rPh>
    <rPh sb="2" eb="3">
      <t>バン</t>
    </rPh>
    <rPh sb="4" eb="6">
      <t>フクオカ</t>
    </rPh>
    <rPh sb="8" eb="10">
      <t>ニュウショウ</t>
    </rPh>
    <rPh sb="11" eb="13">
      <t>ショウワ</t>
    </rPh>
    <rPh sb="13" eb="15">
      <t>30</t>
    </rPh>
    <rPh sb="15" eb="17">
      <t>ネンド</t>
    </rPh>
    <rPh sb="17" eb="19">
      <t>ゼンコク</t>
    </rPh>
    <rPh sb="19" eb="21">
      <t>サンリン</t>
    </rPh>
    <rPh sb="21" eb="23">
      <t>ビョウホ</t>
    </rPh>
    <rPh sb="23" eb="26">
      <t>ヒンピョウカイ</t>
    </rPh>
    <phoneticPr fontId="2"/>
  </si>
  <si>
    <t>那賀版　開通は来月末　市場－野田原林道</t>
    <rPh sb="0" eb="2">
      <t>ナガ</t>
    </rPh>
    <rPh sb="2" eb="3">
      <t>バン</t>
    </rPh>
    <rPh sb="4" eb="6">
      <t>カイツウ</t>
    </rPh>
    <rPh sb="7" eb="10">
      <t>ライゲツマツ</t>
    </rPh>
    <rPh sb="11" eb="13">
      <t>イチバ</t>
    </rPh>
    <rPh sb="14" eb="17">
      <t>ノダワラ</t>
    </rPh>
    <rPh sb="17" eb="19">
      <t>リンドウ</t>
    </rPh>
    <phoneticPr fontId="2"/>
  </si>
  <si>
    <t>那賀版　小倉村長に西川氏無投票当選</t>
    <rPh sb="0" eb="2">
      <t>ナガ</t>
    </rPh>
    <rPh sb="2" eb="3">
      <t>バン</t>
    </rPh>
    <rPh sb="4" eb="6">
      <t>オグラ</t>
    </rPh>
    <rPh sb="6" eb="8">
      <t>ソンチョウ</t>
    </rPh>
    <rPh sb="9" eb="11">
      <t>ニシカワ</t>
    </rPh>
    <rPh sb="11" eb="12">
      <t>シ</t>
    </rPh>
    <rPh sb="12" eb="15">
      <t>ムトウヒョウ</t>
    </rPh>
    <rPh sb="15" eb="17">
      <t>トウセン</t>
    </rPh>
    <phoneticPr fontId="2"/>
  </si>
  <si>
    <t>那賀版　各地で座談会</t>
    <rPh sb="0" eb="2">
      <t>ナガ</t>
    </rPh>
    <rPh sb="2" eb="3">
      <t>バン</t>
    </rPh>
    <rPh sb="4" eb="6">
      <t>カクチ</t>
    </rPh>
    <rPh sb="7" eb="10">
      <t>ザダンカイ</t>
    </rPh>
    <phoneticPr fontId="2"/>
  </si>
  <si>
    <t>那賀版　労働委員会制度確立十周年を記念する労使関係に関する論文募集</t>
    <rPh sb="0" eb="2">
      <t>ナガ</t>
    </rPh>
    <rPh sb="2" eb="3">
      <t>バン</t>
    </rPh>
    <rPh sb="4" eb="6">
      <t>ロウドウ</t>
    </rPh>
    <rPh sb="6" eb="9">
      <t>イインカイ</t>
    </rPh>
    <rPh sb="9" eb="11">
      <t>セイド</t>
    </rPh>
    <rPh sb="11" eb="13">
      <t>カクリツ</t>
    </rPh>
    <rPh sb="13" eb="14">
      <t>10</t>
    </rPh>
    <rPh sb="14" eb="16">
      <t>シュウネン</t>
    </rPh>
    <rPh sb="17" eb="19">
      <t>キネン</t>
    </rPh>
    <rPh sb="21" eb="23">
      <t>ロウシ</t>
    </rPh>
    <rPh sb="23" eb="25">
      <t>カンケイ</t>
    </rPh>
    <rPh sb="26" eb="27">
      <t>カン</t>
    </rPh>
    <rPh sb="29" eb="31">
      <t>ロンブン</t>
    </rPh>
    <rPh sb="31" eb="33">
      <t>ボシュウ</t>
    </rPh>
    <phoneticPr fontId="2"/>
  </si>
  <si>
    <t>那賀版　産業展描　柿の伝統を守ろう</t>
    <rPh sb="0" eb="2">
      <t>ナガ</t>
    </rPh>
    <rPh sb="2" eb="3">
      <t>バン</t>
    </rPh>
    <rPh sb="4" eb="6">
      <t>サンギョウ</t>
    </rPh>
    <rPh sb="6" eb="7">
      <t>テン</t>
    </rPh>
    <rPh sb="7" eb="8">
      <t>ビョウ</t>
    </rPh>
    <rPh sb="9" eb="10">
      <t>カキ</t>
    </rPh>
    <rPh sb="11" eb="13">
      <t>デントウ</t>
    </rPh>
    <rPh sb="14" eb="15">
      <t>マモ</t>
    </rPh>
    <phoneticPr fontId="2"/>
  </si>
  <si>
    <t>那賀版　火災予防週間　自１１月２６日　至１２月２日</t>
    <rPh sb="0" eb="2">
      <t>ナガ</t>
    </rPh>
    <rPh sb="2" eb="3">
      <t>バン</t>
    </rPh>
    <phoneticPr fontId="2"/>
  </si>
  <si>
    <t>那賀版　失業保険料完納月間　１１月１日→１２月２５日</t>
    <rPh sb="0" eb="2">
      <t>ナガ</t>
    </rPh>
    <rPh sb="2" eb="3">
      <t>バン</t>
    </rPh>
    <phoneticPr fontId="2"/>
  </si>
  <si>
    <t>伊都・橋本版　高野山こども銀行を表彰（写真　子ども銀行に預金する児童たち）</t>
    <rPh sb="0" eb="2">
      <t>イト</t>
    </rPh>
    <rPh sb="3" eb="5">
      <t>ハシモト</t>
    </rPh>
    <rPh sb="5" eb="6">
      <t>バン</t>
    </rPh>
    <rPh sb="7" eb="10">
      <t>コウヤサン</t>
    </rPh>
    <rPh sb="13" eb="15">
      <t>ギンコウ</t>
    </rPh>
    <rPh sb="16" eb="18">
      <t>ヒョウショウ</t>
    </rPh>
    <rPh sb="19" eb="21">
      <t>シャシン</t>
    </rPh>
    <rPh sb="22" eb="23">
      <t>コ</t>
    </rPh>
    <rPh sb="25" eb="27">
      <t>ギンコウ</t>
    </rPh>
    <rPh sb="28" eb="30">
      <t>ヨキン</t>
    </rPh>
    <rPh sb="32" eb="34">
      <t>ジドウ</t>
    </rPh>
    <phoneticPr fontId="2"/>
  </si>
  <si>
    <t>伊都・橋本版　新生活を推進する人々②　実践会の充実を　窪田ていさん</t>
    <rPh sb="0" eb="2">
      <t>イト</t>
    </rPh>
    <rPh sb="3" eb="5">
      <t>ハシモト</t>
    </rPh>
    <rPh sb="5" eb="6">
      <t>バン</t>
    </rPh>
    <rPh sb="7" eb="10">
      <t>シンセイカツ</t>
    </rPh>
    <rPh sb="11" eb="13">
      <t>スイシン</t>
    </rPh>
    <rPh sb="15" eb="17">
      <t>ヒトビト</t>
    </rPh>
    <rPh sb="19" eb="22">
      <t>ジッセンカイ</t>
    </rPh>
    <rPh sb="23" eb="25">
      <t>ジュウジツ</t>
    </rPh>
    <rPh sb="27" eb="29">
      <t>クボタ</t>
    </rPh>
    <phoneticPr fontId="2"/>
  </si>
  <si>
    <t>伊都・橋本版　町の発明家に栄誉　スダレ編機の北野さん</t>
    <rPh sb="0" eb="2">
      <t>イト</t>
    </rPh>
    <rPh sb="3" eb="5">
      <t>ハシモト</t>
    </rPh>
    <rPh sb="5" eb="6">
      <t>バン</t>
    </rPh>
    <rPh sb="7" eb="8">
      <t>マチ</t>
    </rPh>
    <rPh sb="9" eb="12">
      <t>ハツメイカ</t>
    </rPh>
    <rPh sb="13" eb="15">
      <t>エイヨ</t>
    </rPh>
    <rPh sb="19" eb="21">
      <t>アミキ</t>
    </rPh>
    <rPh sb="22" eb="24">
      <t>キタノ</t>
    </rPh>
    <phoneticPr fontId="2"/>
  </si>
  <si>
    <t>伊都・橋本版　渡し船に終止符　三谷橋完成す（写真）</t>
    <rPh sb="0" eb="2">
      <t>イト</t>
    </rPh>
    <rPh sb="3" eb="5">
      <t>ハシモト</t>
    </rPh>
    <rPh sb="5" eb="6">
      <t>バン</t>
    </rPh>
    <rPh sb="7" eb="8">
      <t>ワタ</t>
    </rPh>
    <rPh sb="9" eb="10">
      <t>ブネ</t>
    </rPh>
    <rPh sb="11" eb="14">
      <t>シュウシフ</t>
    </rPh>
    <rPh sb="15" eb="18">
      <t>ミタニバシ</t>
    </rPh>
    <rPh sb="18" eb="20">
      <t>カンセイ</t>
    </rPh>
    <rPh sb="22" eb="24">
      <t>シャシン</t>
    </rPh>
    <phoneticPr fontId="2"/>
  </si>
  <si>
    <t>伊都・橋本版　九度山で結婚料理展示</t>
    <rPh sb="0" eb="2">
      <t>イト</t>
    </rPh>
    <rPh sb="3" eb="5">
      <t>ハシモト</t>
    </rPh>
    <rPh sb="5" eb="6">
      <t>バン</t>
    </rPh>
    <rPh sb="7" eb="10">
      <t>クドヤマ</t>
    </rPh>
    <rPh sb="11" eb="13">
      <t>ケッコン</t>
    </rPh>
    <rPh sb="13" eb="15">
      <t>リョウリ</t>
    </rPh>
    <rPh sb="15" eb="17">
      <t>テンジ</t>
    </rPh>
    <phoneticPr fontId="2"/>
  </si>
  <si>
    <t>伊都・橋本版　妙寺で結婚衣裳ショー</t>
    <rPh sb="0" eb="2">
      <t>イト</t>
    </rPh>
    <rPh sb="3" eb="5">
      <t>ハシモト</t>
    </rPh>
    <rPh sb="5" eb="6">
      <t>バン</t>
    </rPh>
    <rPh sb="7" eb="9">
      <t>ミョウジ</t>
    </rPh>
    <rPh sb="10" eb="12">
      <t>ケッコン</t>
    </rPh>
    <rPh sb="12" eb="14">
      <t>イショウ</t>
    </rPh>
    <phoneticPr fontId="2"/>
  </si>
  <si>
    <t>伊都・橋本版　来診を待つ医大紀北分院（写真）</t>
    <rPh sb="0" eb="2">
      <t>イト</t>
    </rPh>
    <rPh sb="3" eb="5">
      <t>ハシモト</t>
    </rPh>
    <rPh sb="5" eb="6">
      <t>バン</t>
    </rPh>
    <rPh sb="7" eb="9">
      <t>ライシン</t>
    </rPh>
    <rPh sb="10" eb="11">
      <t>マ</t>
    </rPh>
    <rPh sb="12" eb="14">
      <t>イダイ</t>
    </rPh>
    <rPh sb="14" eb="16">
      <t>キホク</t>
    </rPh>
    <rPh sb="16" eb="18">
      <t>ブンイン</t>
    </rPh>
    <rPh sb="19" eb="21">
      <t>シャシン</t>
    </rPh>
    <phoneticPr fontId="2"/>
  </si>
  <si>
    <t>伊都・橋本版　栄養改善コンクール</t>
    <rPh sb="0" eb="2">
      <t>イト</t>
    </rPh>
    <rPh sb="3" eb="5">
      <t>ハシモト</t>
    </rPh>
    <rPh sb="5" eb="6">
      <t>バン</t>
    </rPh>
    <rPh sb="7" eb="9">
      <t>エイヨウ</t>
    </rPh>
    <rPh sb="9" eb="11">
      <t>カイゼン</t>
    </rPh>
    <phoneticPr fontId="2"/>
  </si>
  <si>
    <t>伊都・橋本版　少年自衛官募集</t>
    <rPh sb="0" eb="2">
      <t>イト</t>
    </rPh>
    <rPh sb="3" eb="5">
      <t>ハシモト</t>
    </rPh>
    <rPh sb="5" eb="6">
      <t>バン</t>
    </rPh>
    <rPh sb="7" eb="9">
      <t>ショウネン</t>
    </rPh>
    <rPh sb="9" eb="12">
      <t>ジエイカン</t>
    </rPh>
    <rPh sb="12" eb="14">
      <t>ボシュウ</t>
    </rPh>
    <phoneticPr fontId="2"/>
  </si>
  <si>
    <t>伊都・橋本版　火災予防週間　自１１月２６日　至１２月２日</t>
    <rPh sb="0" eb="2">
      <t>イト</t>
    </rPh>
    <rPh sb="3" eb="5">
      <t>ハシモト</t>
    </rPh>
    <rPh sb="5" eb="6">
      <t>バン</t>
    </rPh>
    <phoneticPr fontId="2"/>
  </si>
  <si>
    <t>伊都・橋本版　失業保険料完納月間　１１月１日→１２月２５日</t>
    <rPh sb="0" eb="2">
      <t>イト</t>
    </rPh>
    <rPh sb="3" eb="5">
      <t>ハシモト</t>
    </rPh>
    <rPh sb="5" eb="6">
      <t>バン</t>
    </rPh>
    <phoneticPr fontId="2"/>
  </si>
  <si>
    <t>有田版　明春の造林７１０町歩　有田川上流の水源林も</t>
    <rPh sb="0" eb="2">
      <t>アリダ</t>
    </rPh>
    <rPh sb="2" eb="3">
      <t>バン</t>
    </rPh>
    <rPh sb="4" eb="6">
      <t>ミョウシュン</t>
    </rPh>
    <rPh sb="7" eb="9">
      <t>ゾウリン</t>
    </rPh>
    <rPh sb="12" eb="14">
      <t>チョウホ</t>
    </rPh>
    <rPh sb="15" eb="18">
      <t>アリダガワ</t>
    </rPh>
    <rPh sb="18" eb="20">
      <t>ジョウリュウ</t>
    </rPh>
    <rPh sb="21" eb="24">
      <t>スイゲンリン</t>
    </rPh>
    <phoneticPr fontId="2"/>
  </si>
  <si>
    <t>有田版　復旧田に収穫の喜び</t>
    <rPh sb="0" eb="2">
      <t>アリダ</t>
    </rPh>
    <rPh sb="2" eb="3">
      <t>バン</t>
    </rPh>
    <rPh sb="4" eb="6">
      <t>フッキュウ</t>
    </rPh>
    <rPh sb="6" eb="7">
      <t>タ</t>
    </rPh>
    <rPh sb="8" eb="10">
      <t>シュウカク</t>
    </rPh>
    <rPh sb="11" eb="12">
      <t>ヨロコ</t>
    </rPh>
    <phoneticPr fontId="2"/>
  </si>
  <si>
    <t>有田版　国勢調査の集計すすむ</t>
    <rPh sb="0" eb="2">
      <t>アリダ</t>
    </rPh>
    <rPh sb="2" eb="3">
      <t>バン</t>
    </rPh>
    <rPh sb="4" eb="8">
      <t>コクセイチョウサ</t>
    </rPh>
    <rPh sb="9" eb="11">
      <t>シュウケイ</t>
    </rPh>
    <phoneticPr fontId="2"/>
  </si>
  <si>
    <t>有田版　岩倉中学の校舎完成す（写真　竣工した岩倉中学校）</t>
    <rPh sb="0" eb="2">
      <t>アリダ</t>
    </rPh>
    <rPh sb="2" eb="3">
      <t>バン</t>
    </rPh>
    <rPh sb="4" eb="6">
      <t>イワクラ</t>
    </rPh>
    <rPh sb="6" eb="8">
      <t>チュウガク</t>
    </rPh>
    <rPh sb="9" eb="11">
      <t>コウシャ</t>
    </rPh>
    <rPh sb="11" eb="13">
      <t>カンセイ</t>
    </rPh>
    <rPh sb="15" eb="17">
      <t>シャシン</t>
    </rPh>
    <rPh sb="18" eb="20">
      <t>シュンコウ</t>
    </rPh>
    <rPh sb="22" eb="24">
      <t>イワクラ</t>
    </rPh>
    <rPh sb="24" eb="27">
      <t>チュウガッコウ</t>
    </rPh>
    <phoneticPr fontId="2"/>
  </si>
  <si>
    <t>有田版　重要文化財めぐり⑦　岩倉村の法音寺（写真）</t>
    <rPh sb="0" eb="2">
      <t>アリダ</t>
    </rPh>
    <rPh sb="2" eb="3">
      <t>バン</t>
    </rPh>
    <rPh sb="4" eb="9">
      <t>ジュウヨウブンカザイ</t>
    </rPh>
    <rPh sb="14" eb="16">
      <t>イワクラ</t>
    </rPh>
    <rPh sb="16" eb="17">
      <t>ムラ</t>
    </rPh>
    <rPh sb="18" eb="21">
      <t>ホウオンジ</t>
    </rPh>
    <rPh sb="22" eb="24">
      <t>シャシン</t>
    </rPh>
    <phoneticPr fontId="2"/>
  </si>
  <si>
    <t>有田版　少年自衛官を募集</t>
    <rPh sb="0" eb="2">
      <t>アリダ</t>
    </rPh>
    <rPh sb="2" eb="3">
      <t>バン</t>
    </rPh>
    <rPh sb="4" eb="6">
      <t>ショウネン</t>
    </rPh>
    <rPh sb="6" eb="9">
      <t>ジエイカン</t>
    </rPh>
    <rPh sb="10" eb="12">
      <t>ボシュウ</t>
    </rPh>
    <phoneticPr fontId="2"/>
  </si>
  <si>
    <t>有田版　日本の母　顕彰祝賀会　郡婦連が盛大に開催（写真　金屋町石垣小学校にて）</t>
    <rPh sb="0" eb="2">
      <t>アリダ</t>
    </rPh>
    <rPh sb="2" eb="3">
      <t>バン</t>
    </rPh>
    <rPh sb="4" eb="6">
      <t>ニホン</t>
    </rPh>
    <rPh sb="7" eb="8">
      <t>ハハ</t>
    </rPh>
    <rPh sb="9" eb="11">
      <t>ケンショウ</t>
    </rPh>
    <rPh sb="11" eb="14">
      <t>シュクガカイ</t>
    </rPh>
    <rPh sb="15" eb="16">
      <t>グン</t>
    </rPh>
    <rPh sb="16" eb="17">
      <t>フ</t>
    </rPh>
    <rPh sb="17" eb="18">
      <t>レン</t>
    </rPh>
    <rPh sb="19" eb="21">
      <t>セイダイ</t>
    </rPh>
    <rPh sb="22" eb="24">
      <t>カイサイ</t>
    </rPh>
    <rPh sb="25" eb="27">
      <t>シャシン</t>
    </rPh>
    <rPh sb="28" eb="31">
      <t>カナヤチョウ</t>
    </rPh>
    <rPh sb="31" eb="33">
      <t>イシガキ</t>
    </rPh>
    <rPh sb="33" eb="36">
      <t>ショウガッコウ</t>
    </rPh>
    <phoneticPr fontId="2"/>
  </si>
  <si>
    <t>有田版　必ず申告して下さい</t>
    <rPh sb="0" eb="2">
      <t>アリダ</t>
    </rPh>
    <rPh sb="2" eb="3">
      <t>バン</t>
    </rPh>
    <rPh sb="4" eb="5">
      <t>カナラ</t>
    </rPh>
    <rPh sb="6" eb="8">
      <t>シンコク</t>
    </rPh>
    <rPh sb="10" eb="11">
      <t>クダ</t>
    </rPh>
    <phoneticPr fontId="2"/>
  </si>
  <si>
    <t>有田版　母子衛生学など　来春、保健所講習会で（写真　受講生の実習）</t>
    <rPh sb="0" eb="2">
      <t>アリダ</t>
    </rPh>
    <rPh sb="2" eb="3">
      <t>バン</t>
    </rPh>
    <rPh sb="4" eb="6">
      <t>ボシ</t>
    </rPh>
    <rPh sb="6" eb="8">
      <t>エイセイ</t>
    </rPh>
    <rPh sb="8" eb="9">
      <t>ガク</t>
    </rPh>
    <rPh sb="12" eb="14">
      <t>ライシュン</t>
    </rPh>
    <rPh sb="15" eb="18">
      <t>ホケンジョ</t>
    </rPh>
    <rPh sb="18" eb="21">
      <t>コウシュウカイ</t>
    </rPh>
    <rPh sb="23" eb="25">
      <t>シャシン</t>
    </rPh>
    <rPh sb="26" eb="29">
      <t>ジュコウセイ</t>
    </rPh>
    <rPh sb="30" eb="32">
      <t>ジッシュウ</t>
    </rPh>
    <phoneticPr fontId="2"/>
  </si>
  <si>
    <t>有田版　火災予防週間　自１１月２６日　至１２月２日</t>
    <rPh sb="0" eb="2">
      <t>アリダ</t>
    </rPh>
    <rPh sb="2" eb="3">
      <t>バン</t>
    </rPh>
    <phoneticPr fontId="2"/>
  </si>
  <si>
    <t>有田版　失業保険料完納月間　１１月１日→１２月２５日</t>
    <rPh sb="0" eb="2">
      <t>アリダ</t>
    </rPh>
    <rPh sb="2" eb="3">
      <t>バン</t>
    </rPh>
    <phoneticPr fontId="2"/>
  </si>
  <si>
    <t>日高・御坊版　大観光地を計画　煙樹ヶ浜保護委員会生る（写真　煙樹ヶ浜）</t>
    <rPh sb="0" eb="2">
      <t>ヒダカ</t>
    </rPh>
    <rPh sb="3" eb="5">
      <t>ゴボウ</t>
    </rPh>
    <rPh sb="5" eb="6">
      <t>バン</t>
    </rPh>
    <rPh sb="7" eb="8">
      <t>ダイ</t>
    </rPh>
    <rPh sb="8" eb="11">
      <t>カンコウチ</t>
    </rPh>
    <rPh sb="12" eb="14">
      <t>ケイカク</t>
    </rPh>
    <rPh sb="15" eb="19">
      <t>エンジュガハマ</t>
    </rPh>
    <rPh sb="19" eb="21">
      <t>ホゴ</t>
    </rPh>
    <rPh sb="21" eb="24">
      <t>イインカイ</t>
    </rPh>
    <rPh sb="24" eb="25">
      <t>ウマ</t>
    </rPh>
    <rPh sb="27" eb="29">
      <t>シャシン</t>
    </rPh>
    <rPh sb="30" eb="34">
      <t>エンジュガハマ</t>
    </rPh>
    <phoneticPr fontId="2"/>
  </si>
  <si>
    <t>日高・御坊版　町村合併に"活"　啓発委が橋渡し役</t>
    <rPh sb="0" eb="2">
      <t>ヒダカ</t>
    </rPh>
    <rPh sb="3" eb="5">
      <t>ゴボウ</t>
    </rPh>
    <rPh sb="5" eb="6">
      <t>バン</t>
    </rPh>
    <rPh sb="7" eb="9">
      <t>チョウソン</t>
    </rPh>
    <rPh sb="9" eb="11">
      <t>ガッペイ</t>
    </rPh>
    <rPh sb="13" eb="14">
      <t>カツ</t>
    </rPh>
    <rPh sb="16" eb="18">
      <t>ケイハツ</t>
    </rPh>
    <rPh sb="18" eb="19">
      <t>イ</t>
    </rPh>
    <rPh sb="20" eb="22">
      <t>ハシワタ</t>
    </rPh>
    <rPh sb="23" eb="24">
      <t>ヤク</t>
    </rPh>
    <phoneticPr fontId="2"/>
  </si>
  <si>
    <t>日高・御坊版　少年自衛官を募集</t>
    <rPh sb="0" eb="2">
      <t>ヒダカ</t>
    </rPh>
    <rPh sb="3" eb="5">
      <t>ゴボウ</t>
    </rPh>
    <rPh sb="5" eb="6">
      <t>バン</t>
    </rPh>
    <rPh sb="7" eb="9">
      <t>ショウネン</t>
    </rPh>
    <rPh sb="9" eb="12">
      <t>ジエイカン</t>
    </rPh>
    <rPh sb="13" eb="15">
      <t>ボシュウ</t>
    </rPh>
    <phoneticPr fontId="2"/>
  </si>
  <si>
    <t>日高・御坊版　日米二重国籍は届出が必要</t>
    <rPh sb="0" eb="2">
      <t>ヒダカ</t>
    </rPh>
    <rPh sb="3" eb="5">
      <t>ゴボウ</t>
    </rPh>
    <rPh sb="5" eb="6">
      <t>バン</t>
    </rPh>
    <rPh sb="7" eb="9">
      <t>ニチベイ</t>
    </rPh>
    <rPh sb="9" eb="10">
      <t>2</t>
    </rPh>
    <rPh sb="10" eb="11">
      <t>ジュウ</t>
    </rPh>
    <rPh sb="11" eb="13">
      <t>コクセキ</t>
    </rPh>
    <rPh sb="14" eb="16">
      <t>トドケデ</t>
    </rPh>
    <rPh sb="17" eb="19">
      <t>ヒツヨウ</t>
    </rPh>
    <phoneticPr fontId="2"/>
  </si>
  <si>
    <t>日高・御坊版　三十木・橋完成（写真）</t>
    <rPh sb="0" eb="2">
      <t>ヒダカ</t>
    </rPh>
    <rPh sb="3" eb="5">
      <t>ゴボウ</t>
    </rPh>
    <rPh sb="5" eb="6">
      <t>バン</t>
    </rPh>
    <rPh sb="7" eb="9">
      <t>30</t>
    </rPh>
    <rPh sb="9" eb="10">
      <t>キ</t>
    </rPh>
    <rPh sb="11" eb="12">
      <t>ハシ</t>
    </rPh>
    <rPh sb="12" eb="14">
      <t>カンセイ</t>
    </rPh>
    <rPh sb="15" eb="17">
      <t>シャシン</t>
    </rPh>
    <phoneticPr fontId="2"/>
  </si>
  <si>
    <t>日高・御坊版　"文化の日に"　平井氏ら表彰</t>
    <rPh sb="0" eb="2">
      <t>ヒダカ</t>
    </rPh>
    <rPh sb="3" eb="5">
      <t>ゴボウ</t>
    </rPh>
    <rPh sb="5" eb="6">
      <t>バン</t>
    </rPh>
    <rPh sb="8" eb="10">
      <t>ブンカ</t>
    </rPh>
    <rPh sb="11" eb="12">
      <t>ヒ</t>
    </rPh>
    <rPh sb="15" eb="17">
      <t>ヒライ</t>
    </rPh>
    <rPh sb="17" eb="18">
      <t>シ</t>
    </rPh>
    <rPh sb="19" eb="21">
      <t>ヒョウショウ</t>
    </rPh>
    <phoneticPr fontId="2"/>
  </si>
  <si>
    <t>日高・御坊版　くろしお　移民相談所開設さる</t>
    <rPh sb="0" eb="2">
      <t>ヒダカ</t>
    </rPh>
    <rPh sb="3" eb="5">
      <t>ゴボウ</t>
    </rPh>
    <rPh sb="5" eb="6">
      <t>バン</t>
    </rPh>
    <rPh sb="12" eb="14">
      <t>イミン</t>
    </rPh>
    <rPh sb="14" eb="17">
      <t>ソウダンジョ</t>
    </rPh>
    <rPh sb="17" eb="19">
      <t>カイセツ</t>
    </rPh>
    <phoneticPr fontId="2"/>
  </si>
  <si>
    <t>日高・御坊版　くろしお　百％達成へ急ピッチ　成人体力健康検査</t>
    <rPh sb="0" eb="2">
      <t>ヒダカ</t>
    </rPh>
    <rPh sb="3" eb="5">
      <t>ゴボウ</t>
    </rPh>
    <rPh sb="5" eb="6">
      <t>バン</t>
    </rPh>
    <rPh sb="12" eb="13">
      <t>100</t>
    </rPh>
    <rPh sb="14" eb="16">
      <t>タッセイ</t>
    </rPh>
    <rPh sb="17" eb="18">
      <t>キュウ</t>
    </rPh>
    <rPh sb="22" eb="24">
      <t>セイジン</t>
    </rPh>
    <rPh sb="24" eb="26">
      <t>タイリョク</t>
    </rPh>
    <rPh sb="26" eb="28">
      <t>ケンコウ</t>
    </rPh>
    <rPh sb="28" eb="30">
      <t>ケンサ</t>
    </rPh>
    <phoneticPr fontId="2"/>
  </si>
  <si>
    <t>日高・御坊版　くろしお　助役講習会開催さる</t>
    <rPh sb="0" eb="2">
      <t>ヒダカ</t>
    </rPh>
    <rPh sb="3" eb="5">
      <t>ゴボウ</t>
    </rPh>
    <rPh sb="5" eb="6">
      <t>バン</t>
    </rPh>
    <rPh sb="12" eb="14">
      <t>ジョヤク</t>
    </rPh>
    <rPh sb="14" eb="17">
      <t>コウシュウカイ</t>
    </rPh>
    <rPh sb="17" eb="19">
      <t>カイサイ</t>
    </rPh>
    <phoneticPr fontId="2"/>
  </si>
  <si>
    <t>日高・御坊版　くろしお　坂本米三氏知事表彰　社会福祉功労者</t>
    <rPh sb="0" eb="2">
      <t>ヒダカ</t>
    </rPh>
    <rPh sb="3" eb="5">
      <t>ゴボウ</t>
    </rPh>
    <rPh sb="5" eb="6">
      <t>バン</t>
    </rPh>
    <rPh sb="12" eb="14">
      <t>サカモト</t>
    </rPh>
    <rPh sb="14" eb="16">
      <t>ヨネゾウ</t>
    </rPh>
    <rPh sb="16" eb="17">
      <t>シ</t>
    </rPh>
    <rPh sb="17" eb="19">
      <t>チジ</t>
    </rPh>
    <rPh sb="19" eb="21">
      <t>ヒョウショウ</t>
    </rPh>
    <rPh sb="22" eb="24">
      <t>シャカイ</t>
    </rPh>
    <rPh sb="24" eb="26">
      <t>フクシ</t>
    </rPh>
    <rPh sb="26" eb="29">
      <t>コウロウシャ</t>
    </rPh>
    <phoneticPr fontId="2"/>
  </si>
  <si>
    <t>日高・御坊版　木炭協会を結成</t>
    <rPh sb="0" eb="2">
      <t>ヒダカ</t>
    </rPh>
    <rPh sb="3" eb="5">
      <t>ゴボウ</t>
    </rPh>
    <rPh sb="5" eb="6">
      <t>バン</t>
    </rPh>
    <rPh sb="7" eb="9">
      <t>モクタン</t>
    </rPh>
    <rPh sb="9" eb="11">
      <t>キョウカイ</t>
    </rPh>
    <rPh sb="12" eb="14">
      <t>ケッセイ</t>
    </rPh>
    <phoneticPr fontId="2"/>
  </si>
  <si>
    <t>日高・御坊版　国保に加入しましょう</t>
    <rPh sb="0" eb="2">
      <t>ヒダカ</t>
    </rPh>
    <rPh sb="3" eb="5">
      <t>ゴボウ</t>
    </rPh>
    <rPh sb="5" eb="6">
      <t>バン</t>
    </rPh>
    <rPh sb="7" eb="9">
      <t>コクホ</t>
    </rPh>
    <rPh sb="10" eb="12">
      <t>カニュウ</t>
    </rPh>
    <phoneticPr fontId="2"/>
  </si>
  <si>
    <t>日高・御坊版　火災予防週間　自１１月２６日　至１２月２日</t>
    <rPh sb="0" eb="2">
      <t>ヒダカ</t>
    </rPh>
    <rPh sb="3" eb="5">
      <t>ゴボウ</t>
    </rPh>
    <rPh sb="5" eb="6">
      <t>バン</t>
    </rPh>
    <phoneticPr fontId="2"/>
  </si>
  <si>
    <t>日高・御坊版　失業保険料完納月間　１１月１日→１２月２５日</t>
    <rPh sb="0" eb="2">
      <t>ヒダカ</t>
    </rPh>
    <rPh sb="3" eb="5">
      <t>ゴボウ</t>
    </rPh>
    <rPh sb="5" eb="6">
      <t>バン</t>
    </rPh>
    <phoneticPr fontId="2"/>
  </si>
  <si>
    <t>西牟婁・田辺版　防災と開発へ!!　三十年度治山工事に着手（写真　山腹砂防工事）</t>
    <rPh sb="0" eb="3">
      <t>ニシムロ</t>
    </rPh>
    <rPh sb="4" eb="6">
      <t>タナベ</t>
    </rPh>
    <rPh sb="6" eb="7">
      <t>バン</t>
    </rPh>
    <rPh sb="8" eb="10">
      <t>ボウサイ</t>
    </rPh>
    <rPh sb="11" eb="13">
      <t>カイハツ</t>
    </rPh>
    <rPh sb="17" eb="19">
      <t>30</t>
    </rPh>
    <rPh sb="19" eb="21">
      <t>ネンド</t>
    </rPh>
    <rPh sb="21" eb="23">
      <t>チサン</t>
    </rPh>
    <rPh sb="23" eb="25">
      <t>コウジ</t>
    </rPh>
    <rPh sb="26" eb="28">
      <t>チャクシュ</t>
    </rPh>
    <rPh sb="29" eb="31">
      <t>シャシン</t>
    </rPh>
    <rPh sb="32" eb="34">
      <t>サンプク</t>
    </rPh>
    <rPh sb="34" eb="36">
      <t>サボウ</t>
    </rPh>
    <rPh sb="36" eb="38">
      <t>コウジ</t>
    </rPh>
    <phoneticPr fontId="2"/>
  </si>
  <si>
    <t>西牟婁・田辺版　日米二重国籍は届出が必要</t>
    <rPh sb="0" eb="3">
      <t>ニシムロ</t>
    </rPh>
    <rPh sb="4" eb="6">
      <t>タナベ</t>
    </rPh>
    <rPh sb="6" eb="7">
      <t>バン</t>
    </rPh>
    <phoneticPr fontId="2"/>
  </si>
  <si>
    <t>西牟婁・田辺版　全国表彰に湧く　近露こども郵便局</t>
    <rPh sb="0" eb="3">
      <t>ニシムロ</t>
    </rPh>
    <rPh sb="4" eb="6">
      <t>タナベ</t>
    </rPh>
    <rPh sb="6" eb="7">
      <t>バン</t>
    </rPh>
    <rPh sb="8" eb="10">
      <t>ゼンコク</t>
    </rPh>
    <rPh sb="10" eb="12">
      <t>ヒョウショウ</t>
    </rPh>
    <rPh sb="13" eb="14">
      <t>ワ</t>
    </rPh>
    <rPh sb="16" eb="18">
      <t>チカツユ</t>
    </rPh>
    <rPh sb="21" eb="24">
      <t>ユウビンキョク</t>
    </rPh>
    <phoneticPr fontId="2"/>
  </si>
  <si>
    <t>西牟婁・田辺版　田辺全市を組織化す</t>
    <rPh sb="0" eb="3">
      <t>ニシムロ</t>
    </rPh>
    <rPh sb="4" eb="6">
      <t>タナベ</t>
    </rPh>
    <rPh sb="6" eb="7">
      <t>バン</t>
    </rPh>
    <rPh sb="8" eb="10">
      <t>タナベ</t>
    </rPh>
    <rPh sb="10" eb="11">
      <t>ゼン</t>
    </rPh>
    <rPh sb="11" eb="12">
      <t>シ</t>
    </rPh>
    <rPh sb="13" eb="16">
      <t>ソシキカ</t>
    </rPh>
    <phoneticPr fontId="2"/>
  </si>
  <si>
    <t>西牟婁・田辺版　活躍めざまし　岩田村４Hクラブ</t>
    <rPh sb="0" eb="3">
      <t>ニシムロ</t>
    </rPh>
    <rPh sb="4" eb="6">
      <t>タナベ</t>
    </rPh>
    <rPh sb="6" eb="7">
      <t>バン</t>
    </rPh>
    <rPh sb="8" eb="10">
      <t>カツヤク</t>
    </rPh>
    <rPh sb="15" eb="17">
      <t>イワタ</t>
    </rPh>
    <rPh sb="17" eb="18">
      <t>ムラ</t>
    </rPh>
    <phoneticPr fontId="2"/>
  </si>
  <si>
    <t>西牟婁・田辺版　期待される緬羊の将来（写真）</t>
    <rPh sb="0" eb="3">
      <t>ニシムロ</t>
    </rPh>
    <rPh sb="4" eb="6">
      <t>タナベ</t>
    </rPh>
    <rPh sb="6" eb="7">
      <t>バン</t>
    </rPh>
    <rPh sb="8" eb="10">
      <t>キタイ</t>
    </rPh>
    <rPh sb="13" eb="15">
      <t>メンヨウ</t>
    </rPh>
    <rPh sb="16" eb="18">
      <t>ショウライ</t>
    </rPh>
    <rPh sb="19" eb="21">
      <t>シャシン</t>
    </rPh>
    <phoneticPr fontId="2"/>
  </si>
  <si>
    <t>西牟婁・田辺版　保健の生馬村　救急看護もお手のもの</t>
    <rPh sb="0" eb="3">
      <t>ニシムロ</t>
    </rPh>
    <rPh sb="4" eb="6">
      <t>タナベ</t>
    </rPh>
    <rPh sb="6" eb="7">
      <t>バン</t>
    </rPh>
    <rPh sb="8" eb="10">
      <t>ホケン</t>
    </rPh>
    <rPh sb="11" eb="13">
      <t>イクマ</t>
    </rPh>
    <rPh sb="13" eb="14">
      <t>ムラ</t>
    </rPh>
    <rPh sb="15" eb="17">
      <t>キュウキュウ</t>
    </rPh>
    <rPh sb="17" eb="19">
      <t>カンゴ</t>
    </rPh>
    <rPh sb="21" eb="22">
      <t>テ</t>
    </rPh>
    <phoneticPr fontId="2"/>
  </si>
  <si>
    <t>西牟婁・田辺版　下品な歌はいや　田辺三小PTA立つ</t>
    <rPh sb="0" eb="3">
      <t>ニシムロ</t>
    </rPh>
    <rPh sb="4" eb="6">
      <t>タナベ</t>
    </rPh>
    <rPh sb="6" eb="7">
      <t>バン</t>
    </rPh>
    <rPh sb="8" eb="10">
      <t>ゲヒン</t>
    </rPh>
    <rPh sb="11" eb="12">
      <t>ウタ</t>
    </rPh>
    <rPh sb="16" eb="18">
      <t>タナベ</t>
    </rPh>
    <rPh sb="18" eb="19">
      <t>3</t>
    </rPh>
    <rPh sb="19" eb="20">
      <t>ショウ</t>
    </rPh>
    <rPh sb="23" eb="24">
      <t>タ</t>
    </rPh>
    <phoneticPr fontId="2"/>
  </si>
  <si>
    <t>西牟婁・田辺版　少年自衛官募集</t>
    <rPh sb="0" eb="3">
      <t>ニシムロ</t>
    </rPh>
    <rPh sb="4" eb="6">
      <t>タナベ</t>
    </rPh>
    <rPh sb="6" eb="7">
      <t>バン</t>
    </rPh>
    <rPh sb="8" eb="10">
      <t>ショウネン</t>
    </rPh>
    <rPh sb="10" eb="13">
      <t>ジエイカン</t>
    </rPh>
    <rPh sb="13" eb="15">
      <t>ボシュウ</t>
    </rPh>
    <phoneticPr fontId="2"/>
  </si>
  <si>
    <t>西牟婁・田辺版　国保に加入しましょう</t>
    <rPh sb="0" eb="3">
      <t>ニシムロ</t>
    </rPh>
    <rPh sb="4" eb="6">
      <t>タナベ</t>
    </rPh>
    <rPh sb="6" eb="7">
      <t>バン</t>
    </rPh>
    <rPh sb="8" eb="10">
      <t>コクホ</t>
    </rPh>
    <rPh sb="11" eb="13">
      <t>カニュウ</t>
    </rPh>
    <phoneticPr fontId="2"/>
  </si>
  <si>
    <t>西牟婁・田辺版　火災予防週間　自１１月２６日　至１２月２日</t>
    <rPh sb="0" eb="3">
      <t>ニシムロ</t>
    </rPh>
    <rPh sb="4" eb="6">
      <t>タナベ</t>
    </rPh>
    <rPh sb="6" eb="7">
      <t>バン</t>
    </rPh>
    <phoneticPr fontId="2"/>
  </si>
  <si>
    <t>西牟婁・田辺版　失業保険料完納月間　１１月１日→１２月２５日</t>
    <rPh sb="0" eb="3">
      <t>ニシムロ</t>
    </rPh>
    <rPh sb="4" eb="6">
      <t>タナベ</t>
    </rPh>
    <rPh sb="6" eb="7">
      <t>バン</t>
    </rPh>
    <phoneticPr fontId="2"/>
  </si>
  <si>
    <t>東牟婁・新宮版　第五回農協大会盛会に終る　由谷・中村両氏ら表彰さる（写真　笠踊り）</t>
    <rPh sb="0" eb="3">
      <t>ヒガシムロ</t>
    </rPh>
    <rPh sb="4" eb="6">
      <t>シングウ</t>
    </rPh>
    <rPh sb="6" eb="7">
      <t>バン</t>
    </rPh>
    <rPh sb="8" eb="9">
      <t>ダイ</t>
    </rPh>
    <rPh sb="9" eb="10">
      <t>5</t>
    </rPh>
    <rPh sb="10" eb="11">
      <t>カイ</t>
    </rPh>
    <rPh sb="11" eb="13">
      <t>ノウキョウ</t>
    </rPh>
    <rPh sb="13" eb="15">
      <t>タイカイ</t>
    </rPh>
    <rPh sb="15" eb="17">
      <t>セイカイ</t>
    </rPh>
    <rPh sb="18" eb="19">
      <t>オワ</t>
    </rPh>
    <rPh sb="21" eb="23">
      <t>ユタニ</t>
    </rPh>
    <rPh sb="24" eb="26">
      <t>ナカムラ</t>
    </rPh>
    <rPh sb="26" eb="27">
      <t>リョウ</t>
    </rPh>
    <rPh sb="27" eb="28">
      <t>シ</t>
    </rPh>
    <rPh sb="29" eb="31">
      <t>ヒョウショウ</t>
    </rPh>
    <rPh sb="34" eb="36">
      <t>シャシン</t>
    </rPh>
    <rPh sb="37" eb="38">
      <t>カサ</t>
    </rPh>
    <rPh sb="38" eb="39">
      <t>オド</t>
    </rPh>
    <phoneticPr fontId="2"/>
  </si>
  <si>
    <t>東牟婁・新宮版　文化の日に表彰</t>
    <rPh sb="0" eb="3">
      <t>ヒガシムロ</t>
    </rPh>
    <rPh sb="4" eb="6">
      <t>シングウ</t>
    </rPh>
    <rPh sb="6" eb="7">
      <t>バン</t>
    </rPh>
    <rPh sb="8" eb="10">
      <t>ブンカ</t>
    </rPh>
    <rPh sb="11" eb="12">
      <t>ヒ</t>
    </rPh>
    <rPh sb="13" eb="15">
      <t>ヒョウショウ</t>
    </rPh>
    <phoneticPr fontId="2"/>
  </si>
  <si>
    <t>東牟婁・新宮版　労働委員会制度確立十周年を記念する労使関係に関する論文募集</t>
    <rPh sb="0" eb="3">
      <t>ヒガシムロ</t>
    </rPh>
    <rPh sb="4" eb="6">
      <t>シングウ</t>
    </rPh>
    <rPh sb="6" eb="7">
      <t>バン</t>
    </rPh>
    <rPh sb="8" eb="10">
      <t>ロウドウ</t>
    </rPh>
    <phoneticPr fontId="2"/>
  </si>
  <si>
    <t>東牟婁・新宮版　町村めぐり　下里村</t>
    <rPh sb="0" eb="3">
      <t>ヒガシムロ</t>
    </rPh>
    <rPh sb="4" eb="6">
      <t>シングウ</t>
    </rPh>
    <rPh sb="6" eb="7">
      <t>バン</t>
    </rPh>
    <rPh sb="8" eb="10">
      <t>チョウソン</t>
    </rPh>
    <rPh sb="14" eb="16">
      <t>シモサト</t>
    </rPh>
    <rPh sb="16" eb="17">
      <t>ムラ</t>
    </rPh>
    <phoneticPr fontId="2"/>
  </si>
  <si>
    <t>東牟婁・新宮版　カルシウム　ビタミンＡ・Ｂ2が不足　必要な食生活の改善</t>
    <rPh sb="0" eb="3">
      <t>ヒガシムロ</t>
    </rPh>
    <rPh sb="4" eb="6">
      <t>シングウ</t>
    </rPh>
    <rPh sb="6" eb="7">
      <t>バン</t>
    </rPh>
    <rPh sb="23" eb="25">
      <t>フソク</t>
    </rPh>
    <rPh sb="26" eb="28">
      <t>ヒツヨウ</t>
    </rPh>
    <rPh sb="29" eb="32">
      <t>ショクセイカツ</t>
    </rPh>
    <rPh sb="33" eb="35">
      <t>カイゼン</t>
    </rPh>
    <phoneticPr fontId="2"/>
  </si>
  <si>
    <t>東牟婁・新宮版　少年自衛官を募集</t>
    <rPh sb="0" eb="3">
      <t>ヒガシムロ</t>
    </rPh>
    <rPh sb="4" eb="6">
      <t>シングウ</t>
    </rPh>
    <rPh sb="6" eb="7">
      <t>バン</t>
    </rPh>
    <rPh sb="8" eb="10">
      <t>ショウネン</t>
    </rPh>
    <rPh sb="10" eb="13">
      <t>ジエイカン</t>
    </rPh>
    <rPh sb="14" eb="16">
      <t>ボシュウ</t>
    </rPh>
    <phoneticPr fontId="2"/>
  </si>
  <si>
    <t>東牟婁・新宮版　雨の中慰霊祭執行（写真　犬の慰霊祭）</t>
    <rPh sb="0" eb="3">
      <t>ヒガシムロ</t>
    </rPh>
    <rPh sb="4" eb="6">
      <t>シングウ</t>
    </rPh>
    <rPh sb="6" eb="7">
      <t>バン</t>
    </rPh>
    <rPh sb="8" eb="9">
      <t>アメ</t>
    </rPh>
    <rPh sb="10" eb="11">
      <t>ナカ</t>
    </rPh>
    <rPh sb="11" eb="14">
      <t>イレイサイ</t>
    </rPh>
    <rPh sb="14" eb="16">
      <t>シッコウ</t>
    </rPh>
    <rPh sb="17" eb="19">
      <t>シャシン</t>
    </rPh>
    <rPh sb="20" eb="21">
      <t>イヌ</t>
    </rPh>
    <rPh sb="22" eb="25">
      <t>イレイサイ</t>
    </rPh>
    <phoneticPr fontId="2"/>
  </si>
  <si>
    <t>東牟婁・新宮版　国保に加入しましょう</t>
    <rPh sb="0" eb="3">
      <t>ヒガシムロ</t>
    </rPh>
    <rPh sb="4" eb="6">
      <t>シングウ</t>
    </rPh>
    <rPh sb="6" eb="7">
      <t>バン</t>
    </rPh>
    <rPh sb="8" eb="10">
      <t>コクホ</t>
    </rPh>
    <rPh sb="11" eb="13">
      <t>カニュウ</t>
    </rPh>
    <phoneticPr fontId="2"/>
  </si>
  <si>
    <t>東牟婁・新宮版　日雇者に体力検査</t>
    <rPh sb="0" eb="3">
      <t>ヒガシムロ</t>
    </rPh>
    <rPh sb="4" eb="6">
      <t>シングウ</t>
    </rPh>
    <rPh sb="6" eb="7">
      <t>バン</t>
    </rPh>
    <rPh sb="8" eb="10">
      <t>ヒヤトイ</t>
    </rPh>
    <rPh sb="10" eb="11">
      <t>シャ</t>
    </rPh>
    <rPh sb="12" eb="14">
      <t>タイリョク</t>
    </rPh>
    <rPh sb="14" eb="16">
      <t>ケンサ</t>
    </rPh>
    <phoneticPr fontId="2"/>
  </si>
  <si>
    <t>東牟婁・新宮版　日米二重国籍は届出が必要</t>
    <rPh sb="0" eb="3">
      <t>ヒガシムロ</t>
    </rPh>
    <rPh sb="4" eb="6">
      <t>シングウ</t>
    </rPh>
    <rPh sb="6" eb="7">
      <t>バン</t>
    </rPh>
    <phoneticPr fontId="2"/>
  </si>
  <si>
    <t>東牟婁・新宮版　芸能大会の参加者募集</t>
    <rPh sb="0" eb="3">
      <t>ヒガシムロ</t>
    </rPh>
    <rPh sb="4" eb="6">
      <t>シングウ</t>
    </rPh>
    <rPh sb="6" eb="7">
      <t>バン</t>
    </rPh>
    <rPh sb="8" eb="10">
      <t>ゲイノウ</t>
    </rPh>
    <rPh sb="10" eb="12">
      <t>タイカイ</t>
    </rPh>
    <rPh sb="13" eb="16">
      <t>サンカシャ</t>
    </rPh>
    <rPh sb="16" eb="18">
      <t>ボシュウ</t>
    </rPh>
    <phoneticPr fontId="2"/>
  </si>
  <si>
    <t>東牟婁・新宮版　火災予防週間　自１１月２６日　至１２月２日</t>
    <rPh sb="0" eb="3">
      <t>ヒガシムロ</t>
    </rPh>
    <rPh sb="4" eb="6">
      <t>シングウ</t>
    </rPh>
    <rPh sb="6" eb="7">
      <t>バン</t>
    </rPh>
    <phoneticPr fontId="2"/>
  </si>
  <si>
    <t>東牟婁・新宮版　失業保険料完納月間　１１月１日→１２月２５日</t>
    <rPh sb="0" eb="3">
      <t>ヒガシムロ</t>
    </rPh>
    <rPh sb="4" eb="6">
      <t>シングウ</t>
    </rPh>
    <rPh sb="6" eb="7">
      <t>バン</t>
    </rPh>
    <phoneticPr fontId="2"/>
  </si>
  <si>
    <t>県下の人口判る　国勢調査集計　総数は１，００６，８１２人</t>
    <rPh sb="0" eb="2">
      <t>ケンカ</t>
    </rPh>
    <rPh sb="3" eb="5">
      <t>ジンコウ</t>
    </rPh>
    <rPh sb="5" eb="6">
      <t>ワカ</t>
    </rPh>
    <rPh sb="8" eb="10">
      <t>コクセイ</t>
    </rPh>
    <rPh sb="10" eb="12">
      <t>チョウサ</t>
    </rPh>
    <rPh sb="12" eb="14">
      <t>シュウケイ</t>
    </rPh>
    <rPh sb="15" eb="17">
      <t>ソウスウ</t>
    </rPh>
    <rPh sb="27" eb="28">
      <t>ニン</t>
    </rPh>
    <phoneticPr fontId="2"/>
  </si>
  <si>
    <t>再任に際して　副知事　荒木和成</t>
    <rPh sb="0" eb="2">
      <t>サイニン</t>
    </rPh>
    <rPh sb="3" eb="4">
      <t>サイ</t>
    </rPh>
    <rPh sb="7" eb="10">
      <t>フクチジ</t>
    </rPh>
    <rPh sb="11" eb="13">
      <t>アラキ</t>
    </rPh>
    <rPh sb="13" eb="15">
      <t>カズナリ</t>
    </rPh>
    <phoneticPr fontId="2"/>
  </si>
  <si>
    <t>本県縦貫の要衝＝天田橋堂々完成＝（写真　渡り初め式）</t>
    <rPh sb="0" eb="2">
      <t>ホンケン</t>
    </rPh>
    <rPh sb="2" eb="4">
      <t>ジュウカン</t>
    </rPh>
    <rPh sb="5" eb="7">
      <t>ヨウショウ</t>
    </rPh>
    <rPh sb="8" eb="10">
      <t>アマタ</t>
    </rPh>
    <rPh sb="10" eb="11">
      <t>ハシ</t>
    </rPh>
    <rPh sb="11" eb="13">
      <t>ドウドウ</t>
    </rPh>
    <rPh sb="13" eb="15">
      <t>カンセイ</t>
    </rPh>
    <rPh sb="17" eb="19">
      <t>シャシン</t>
    </rPh>
    <rPh sb="20" eb="21">
      <t>ワタ</t>
    </rPh>
    <rPh sb="22" eb="23">
      <t>ゾ</t>
    </rPh>
    <rPh sb="24" eb="25">
      <t>シキ</t>
    </rPh>
    <phoneticPr fontId="2"/>
  </si>
  <si>
    <t>就職の身元を保証　母子後援会近く誕生</t>
    <rPh sb="0" eb="2">
      <t>シュウショク</t>
    </rPh>
    <rPh sb="3" eb="5">
      <t>ミモト</t>
    </rPh>
    <rPh sb="6" eb="8">
      <t>ホショウ</t>
    </rPh>
    <rPh sb="9" eb="11">
      <t>ボシ</t>
    </rPh>
    <rPh sb="11" eb="14">
      <t>コウエンカイ</t>
    </rPh>
    <rPh sb="14" eb="15">
      <t>チカ</t>
    </rPh>
    <rPh sb="16" eb="18">
      <t>タンジョウ</t>
    </rPh>
    <phoneticPr fontId="2"/>
  </si>
  <si>
    <t>遅刻すれば減給　訓令で県職員の自覚促す</t>
    <rPh sb="0" eb="2">
      <t>チコク</t>
    </rPh>
    <rPh sb="5" eb="7">
      <t>ゲンキュウ</t>
    </rPh>
    <rPh sb="8" eb="10">
      <t>クンレイ</t>
    </rPh>
    <rPh sb="11" eb="14">
      <t>ケンショクイン</t>
    </rPh>
    <rPh sb="15" eb="17">
      <t>ジカク</t>
    </rPh>
    <rPh sb="17" eb="18">
      <t>ウナガ</t>
    </rPh>
    <phoneticPr fontId="2"/>
  </si>
  <si>
    <t>新生活運動強調月間</t>
    <rPh sb="0" eb="3">
      <t>シンセイカツ</t>
    </rPh>
    <rPh sb="3" eb="5">
      <t>ウンドウ</t>
    </rPh>
    <rPh sb="5" eb="9">
      <t>キョウチョウゲッカン</t>
    </rPh>
    <phoneticPr fontId="2"/>
  </si>
  <si>
    <t>婦人参政賦与10周年　普通選挙法公布30周年　記念座談会（写真　水産会館での座談会）</t>
    <rPh sb="0" eb="2">
      <t>フジン</t>
    </rPh>
    <rPh sb="2" eb="4">
      <t>サンセイ</t>
    </rPh>
    <rPh sb="4" eb="6">
      <t>フヨ</t>
    </rPh>
    <rPh sb="8" eb="10">
      <t>シュウネン</t>
    </rPh>
    <rPh sb="11" eb="13">
      <t>フツウ</t>
    </rPh>
    <rPh sb="13" eb="16">
      <t>センキョホウ</t>
    </rPh>
    <rPh sb="16" eb="18">
      <t>コウフ</t>
    </rPh>
    <rPh sb="20" eb="22">
      <t>シュウネン</t>
    </rPh>
    <rPh sb="23" eb="25">
      <t>キネン</t>
    </rPh>
    <rPh sb="25" eb="28">
      <t>ザダンカイ</t>
    </rPh>
    <rPh sb="29" eb="31">
      <t>シャシン</t>
    </rPh>
    <rPh sb="32" eb="34">
      <t>スイサン</t>
    </rPh>
    <rPh sb="34" eb="36">
      <t>カイカン</t>
    </rPh>
    <rPh sb="38" eb="41">
      <t>ザダンカイ</t>
    </rPh>
    <phoneticPr fontId="2"/>
  </si>
  <si>
    <t>第３回たすけあい作文コンクール入選優秀作品</t>
    <rPh sb="0" eb="1">
      <t>ダイ</t>
    </rPh>
    <rPh sb="2" eb="3">
      <t>カイ</t>
    </rPh>
    <rPh sb="8" eb="10">
      <t>サクブン</t>
    </rPh>
    <rPh sb="15" eb="17">
      <t>ニュウセン</t>
    </rPh>
    <rPh sb="17" eb="20">
      <t>ユウシュウサク</t>
    </rPh>
    <rPh sb="20" eb="21">
      <t>ヒン</t>
    </rPh>
    <phoneticPr fontId="2"/>
  </si>
  <si>
    <t>１２月４日～１０日　人権週間</t>
    <rPh sb="2" eb="3">
      <t>ガツ</t>
    </rPh>
    <rPh sb="4" eb="5">
      <t>ヒ</t>
    </rPh>
    <rPh sb="8" eb="9">
      <t>ヒ</t>
    </rPh>
    <rPh sb="10" eb="12">
      <t>ジンケン</t>
    </rPh>
    <rPh sb="12" eb="14">
      <t>シュウカン</t>
    </rPh>
    <phoneticPr fontId="2"/>
  </si>
  <si>
    <t>歳末特別貯蓄運動　１１月２１日→１２月３１日</t>
    <rPh sb="0" eb="2">
      <t>サイマツ</t>
    </rPh>
    <rPh sb="2" eb="4">
      <t>トクベツ</t>
    </rPh>
    <rPh sb="4" eb="6">
      <t>チョチク</t>
    </rPh>
    <rPh sb="6" eb="8">
      <t>ウンドウ</t>
    </rPh>
    <rPh sb="11" eb="12">
      <t>ガツ</t>
    </rPh>
    <rPh sb="14" eb="15">
      <t>ニチ</t>
    </rPh>
    <rPh sb="18" eb="19">
      <t>ガツ</t>
    </rPh>
    <rPh sb="21" eb="22">
      <t>ニチ</t>
    </rPh>
    <phoneticPr fontId="2"/>
  </si>
  <si>
    <t>五千名救った県就学奨励金</t>
    <rPh sb="0" eb="2">
      <t>5000</t>
    </rPh>
    <rPh sb="2" eb="3">
      <t>メイ</t>
    </rPh>
    <rPh sb="3" eb="4">
      <t>スク</t>
    </rPh>
    <rPh sb="6" eb="7">
      <t>ケン</t>
    </rPh>
    <rPh sb="7" eb="9">
      <t>シュウガク</t>
    </rPh>
    <rPh sb="9" eb="12">
      <t>ショウレイキン</t>
    </rPh>
    <phoneticPr fontId="2"/>
  </si>
  <si>
    <t>受講者募集　電気工事人養成所</t>
    <rPh sb="0" eb="3">
      <t>ジュコウシャ</t>
    </rPh>
    <rPh sb="3" eb="5">
      <t>ボシュウ</t>
    </rPh>
    <rPh sb="6" eb="8">
      <t>デンキ</t>
    </rPh>
    <rPh sb="8" eb="10">
      <t>コウジ</t>
    </rPh>
    <rPh sb="10" eb="11">
      <t>ヒト</t>
    </rPh>
    <rPh sb="11" eb="14">
      <t>ヨウセイジョ</t>
    </rPh>
    <phoneticPr fontId="2"/>
  </si>
  <si>
    <t>お国自慢⑤　市民会館（写真）</t>
    <rPh sb="1" eb="2">
      <t>クニ</t>
    </rPh>
    <rPh sb="2" eb="4">
      <t>ジマン</t>
    </rPh>
    <rPh sb="6" eb="8">
      <t>シミン</t>
    </rPh>
    <rPh sb="8" eb="10">
      <t>カイカン</t>
    </rPh>
    <rPh sb="11" eb="13">
      <t>シャシン</t>
    </rPh>
    <phoneticPr fontId="2"/>
  </si>
  <si>
    <t>肢体不自由児保護月間はじまる（写真　映画「しいのみ学園」の場面）</t>
    <rPh sb="0" eb="2">
      <t>シタイ</t>
    </rPh>
    <rPh sb="2" eb="6">
      <t>フジユウジ</t>
    </rPh>
    <rPh sb="6" eb="8">
      <t>ホゴ</t>
    </rPh>
    <rPh sb="8" eb="10">
      <t>ゲッカン</t>
    </rPh>
    <rPh sb="15" eb="17">
      <t>シャシン</t>
    </rPh>
    <rPh sb="18" eb="20">
      <t>エイガ</t>
    </rPh>
    <rPh sb="25" eb="27">
      <t>ガクエン</t>
    </rPh>
    <rPh sb="29" eb="31">
      <t>バメン</t>
    </rPh>
    <phoneticPr fontId="2"/>
  </si>
  <si>
    <t>第五回学校植林コンクール　伊都高に優秀賞</t>
    <rPh sb="0" eb="1">
      <t>ダイ</t>
    </rPh>
    <rPh sb="1" eb="2">
      <t>5</t>
    </rPh>
    <rPh sb="2" eb="3">
      <t>カイ</t>
    </rPh>
    <rPh sb="3" eb="5">
      <t>ガッコウ</t>
    </rPh>
    <rPh sb="5" eb="7">
      <t>ショクリン</t>
    </rPh>
    <rPh sb="13" eb="15">
      <t>イト</t>
    </rPh>
    <rPh sb="15" eb="16">
      <t>コウ</t>
    </rPh>
    <rPh sb="17" eb="20">
      <t>ユウシュウショウ</t>
    </rPh>
    <phoneticPr fontId="2"/>
  </si>
  <si>
    <t>年末ドロに御注意！</t>
    <rPh sb="0" eb="2">
      <t>ネンマツ</t>
    </rPh>
    <rPh sb="5" eb="8">
      <t>ゴチュウイ</t>
    </rPh>
    <phoneticPr fontId="2"/>
  </si>
  <si>
    <t>あんま、はり等免許が必要</t>
    <rPh sb="6" eb="7">
      <t>トウ</t>
    </rPh>
    <rPh sb="7" eb="9">
      <t>メンキョ</t>
    </rPh>
    <rPh sb="10" eb="12">
      <t>ヒツヨウ</t>
    </rPh>
    <phoneticPr fontId="2"/>
  </si>
  <si>
    <t>看護、保健学部学生募集　和歌山県立高等看護学院</t>
    <rPh sb="0" eb="2">
      <t>カンゴ</t>
    </rPh>
    <rPh sb="3" eb="5">
      <t>ホケン</t>
    </rPh>
    <rPh sb="5" eb="7">
      <t>ガクブ</t>
    </rPh>
    <rPh sb="7" eb="9">
      <t>ガクセイ</t>
    </rPh>
    <rPh sb="9" eb="11">
      <t>ボシュウ</t>
    </rPh>
    <rPh sb="12" eb="15">
      <t>ワカヤマ</t>
    </rPh>
    <rPh sb="15" eb="17">
      <t>ケンリツ</t>
    </rPh>
    <rPh sb="17" eb="19">
      <t>コウトウ</t>
    </rPh>
    <rPh sb="19" eb="21">
      <t>カンゴ</t>
    </rPh>
    <rPh sb="21" eb="23">
      <t>ガクイン</t>
    </rPh>
    <phoneticPr fontId="2"/>
  </si>
  <si>
    <t>医療センサス</t>
    <rPh sb="0" eb="2">
      <t>イリョウ</t>
    </rPh>
    <phoneticPr fontId="2"/>
  </si>
  <si>
    <t>市内版　第五回新生活モデル町村　表彰されたかめの子クラブ（写真）</t>
    <rPh sb="0" eb="3">
      <t>シナイバン</t>
    </rPh>
    <rPh sb="4" eb="5">
      <t>ダイ</t>
    </rPh>
    <rPh sb="5" eb="6">
      <t>5</t>
    </rPh>
    <rPh sb="6" eb="7">
      <t>カイ</t>
    </rPh>
    <rPh sb="7" eb="10">
      <t>シンセイカツ</t>
    </rPh>
    <rPh sb="13" eb="15">
      <t>チョウソン</t>
    </rPh>
    <rPh sb="16" eb="18">
      <t>ヒョウショウ</t>
    </rPh>
    <rPh sb="24" eb="25">
      <t>コ</t>
    </rPh>
    <rPh sb="29" eb="31">
      <t>シャシン</t>
    </rPh>
    <phoneticPr fontId="2"/>
  </si>
  <si>
    <t>市内版　県下照明・装飾コンクール　山下・千代田両店　和歌山市代表に（写真　山下時計店、千代田屋）</t>
    <rPh sb="0" eb="3">
      <t>シナイバン</t>
    </rPh>
    <rPh sb="4" eb="6">
      <t>ケンカ</t>
    </rPh>
    <rPh sb="6" eb="8">
      <t>ショウメイ</t>
    </rPh>
    <rPh sb="9" eb="11">
      <t>ソウショク</t>
    </rPh>
    <rPh sb="17" eb="19">
      <t>ヤマシタ</t>
    </rPh>
    <rPh sb="20" eb="23">
      <t>チヨダ</t>
    </rPh>
    <rPh sb="23" eb="25">
      <t>リョウテン</t>
    </rPh>
    <rPh sb="26" eb="30">
      <t>ワカヤマシ</t>
    </rPh>
    <rPh sb="30" eb="32">
      <t>ダイヒョウ</t>
    </rPh>
    <rPh sb="34" eb="36">
      <t>シャシン</t>
    </rPh>
    <rPh sb="37" eb="39">
      <t>ヤマシタ</t>
    </rPh>
    <rPh sb="39" eb="42">
      <t>トケイテン</t>
    </rPh>
    <rPh sb="43" eb="46">
      <t>チヨダ</t>
    </rPh>
    <rPh sb="46" eb="47">
      <t>ヤ</t>
    </rPh>
    <phoneticPr fontId="2"/>
  </si>
  <si>
    <t>市内版　16日から母子家庭作品即売会</t>
    <rPh sb="0" eb="3">
      <t>シナイバン</t>
    </rPh>
    <rPh sb="6" eb="7">
      <t>ニチ</t>
    </rPh>
    <rPh sb="9" eb="11">
      <t>ボシ</t>
    </rPh>
    <rPh sb="11" eb="13">
      <t>カテイ</t>
    </rPh>
    <rPh sb="13" eb="15">
      <t>サクヒン</t>
    </rPh>
    <rPh sb="15" eb="18">
      <t>ソクバイカイ</t>
    </rPh>
    <phoneticPr fontId="2"/>
  </si>
  <si>
    <t>市内版　和歌浦小で第九回社会教育研究大会</t>
    <rPh sb="0" eb="3">
      <t>シナイバン</t>
    </rPh>
    <rPh sb="4" eb="7">
      <t>ワカウラ</t>
    </rPh>
    <rPh sb="7" eb="8">
      <t>ショウ</t>
    </rPh>
    <rPh sb="9" eb="10">
      <t>ダイ</t>
    </rPh>
    <rPh sb="10" eb="11">
      <t>9</t>
    </rPh>
    <rPh sb="11" eb="12">
      <t>カイ</t>
    </rPh>
    <rPh sb="12" eb="14">
      <t>シャカイ</t>
    </rPh>
    <rPh sb="14" eb="16">
      <t>キョウイク</t>
    </rPh>
    <rPh sb="16" eb="18">
      <t>ケンキュウ</t>
    </rPh>
    <rPh sb="18" eb="20">
      <t>タイカイ</t>
    </rPh>
    <phoneticPr fontId="2"/>
  </si>
  <si>
    <t>市内版　中小企業に特別融資</t>
    <rPh sb="0" eb="3">
      <t>シナイバン</t>
    </rPh>
    <rPh sb="4" eb="6">
      <t>チュウショウ</t>
    </rPh>
    <rPh sb="6" eb="8">
      <t>キギョウ</t>
    </rPh>
    <rPh sb="9" eb="11">
      <t>トクベツ</t>
    </rPh>
    <rPh sb="11" eb="13">
      <t>ユウシ</t>
    </rPh>
    <phoneticPr fontId="2"/>
  </si>
  <si>
    <t>市内版　歯科技工士は免許制に</t>
    <rPh sb="0" eb="3">
      <t>シナイバン</t>
    </rPh>
    <rPh sb="4" eb="6">
      <t>シカ</t>
    </rPh>
    <rPh sb="6" eb="9">
      <t>ギコウシ</t>
    </rPh>
    <rPh sb="10" eb="13">
      <t>メンキョセイ</t>
    </rPh>
    <phoneticPr fontId="2"/>
  </si>
  <si>
    <t>市内版　未登記の借地権者至急申告を</t>
    <rPh sb="0" eb="3">
      <t>シナイバン</t>
    </rPh>
    <rPh sb="4" eb="7">
      <t>ミトウキ</t>
    </rPh>
    <rPh sb="8" eb="10">
      <t>シャクチ</t>
    </rPh>
    <rPh sb="10" eb="11">
      <t>ケン</t>
    </rPh>
    <rPh sb="11" eb="12">
      <t>シャ</t>
    </rPh>
    <rPh sb="12" eb="14">
      <t>シキュウ</t>
    </rPh>
    <rPh sb="14" eb="16">
      <t>シンコク</t>
    </rPh>
    <phoneticPr fontId="2"/>
  </si>
  <si>
    <t>市内版　人権週間に寄せて</t>
    <rPh sb="0" eb="3">
      <t>シナイバン</t>
    </rPh>
    <rPh sb="4" eb="6">
      <t>ジンケン</t>
    </rPh>
    <rPh sb="6" eb="8">
      <t>シュウカン</t>
    </rPh>
    <rPh sb="9" eb="10">
      <t>ヨ</t>
    </rPh>
    <phoneticPr fontId="2"/>
  </si>
  <si>
    <t>市内版　１２月１日→１２月３１日　年末警戒</t>
    <rPh sb="0" eb="3">
      <t>シナイバン</t>
    </rPh>
    <rPh sb="6" eb="7">
      <t>ガツ</t>
    </rPh>
    <rPh sb="8" eb="9">
      <t>ヒ</t>
    </rPh>
    <rPh sb="12" eb="13">
      <t>ガツ</t>
    </rPh>
    <rPh sb="15" eb="16">
      <t>ニチ</t>
    </rPh>
    <rPh sb="17" eb="19">
      <t>ネンマツ</t>
    </rPh>
    <rPh sb="19" eb="21">
      <t>ケイカイ</t>
    </rPh>
    <phoneticPr fontId="2"/>
  </si>
  <si>
    <t>市内版　１２月１６日～２１日　母子家庭作品展示即売会</t>
    <rPh sb="0" eb="3">
      <t>シナイバン</t>
    </rPh>
    <rPh sb="6" eb="7">
      <t>ガツ</t>
    </rPh>
    <rPh sb="9" eb="10">
      <t>ニチ</t>
    </rPh>
    <rPh sb="13" eb="14">
      <t>ニチ</t>
    </rPh>
    <rPh sb="15" eb="17">
      <t>ボシ</t>
    </rPh>
    <rPh sb="17" eb="19">
      <t>カテイ</t>
    </rPh>
    <rPh sb="19" eb="21">
      <t>サクヒン</t>
    </rPh>
    <rPh sb="21" eb="23">
      <t>テンジ</t>
    </rPh>
    <rPh sb="23" eb="26">
      <t>ソクバイカイ</t>
    </rPh>
    <phoneticPr fontId="2"/>
  </si>
  <si>
    <t>海草・海南版　国勢調査　二百二十一人の減　町村別人口もわかる</t>
    <rPh sb="0" eb="2">
      <t>カイソウ</t>
    </rPh>
    <rPh sb="3" eb="5">
      <t>カイナン</t>
    </rPh>
    <rPh sb="5" eb="6">
      <t>バン</t>
    </rPh>
    <rPh sb="7" eb="9">
      <t>コクセイ</t>
    </rPh>
    <rPh sb="9" eb="11">
      <t>チョウサ</t>
    </rPh>
    <rPh sb="12" eb="17">
      <t>221</t>
    </rPh>
    <rPh sb="17" eb="18">
      <t>ヒト</t>
    </rPh>
    <rPh sb="19" eb="20">
      <t>ゲン</t>
    </rPh>
    <rPh sb="21" eb="23">
      <t>チョウソン</t>
    </rPh>
    <rPh sb="23" eb="24">
      <t>ベツ</t>
    </rPh>
    <rPh sb="24" eb="26">
      <t>ジンコウ</t>
    </rPh>
    <phoneticPr fontId="2"/>
  </si>
  <si>
    <t>海草・海南版　簡易結婚第一号　野上町でははじめて（写真　新郎新婦）</t>
    <rPh sb="0" eb="2">
      <t>カイソウ</t>
    </rPh>
    <rPh sb="3" eb="5">
      <t>カイナン</t>
    </rPh>
    <rPh sb="5" eb="6">
      <t>バン</t>
    </rPh>
    <rPh sb="7" eb="9">
      <t>カンイ</t>
    </rPh>
    <rPh sb="9" eb="11">
      <t>ケッコン</t>
    </rPh>
    <rPh sb="11" eb="12">
      <t>ダイ</t>
    </rPh>
    <rPh sb="12" eb="13">
      <t>1</t>
    </rPh>
    <rPh sb="13" eb="14">
      <t>ゴウ</t>
    </rPh>
    <rPh sb="15" eb="18">
      <t>ノカミチョウ</t>
    </rPh>
    <rPh sb="25" eb="27">
      <t>シャシン</t>
    </rPh>
    <rPh sb="28" eb="32">
      <t>シンロウシンプ</t>
    </rPh>
    <phoneticPr fontId="2"/>
  </si>
  <si>
    <t>海草・海南版　ブラジル雇用移民に朗報</t>
    <rPh sb="0" eb="2">
      <t>カイソウ</t>
    </rPh>
    <rPh sb="3" eb="5">
      <t>カイナン</t>
    </rPh>
    <rPh sb="5" eb="6">
      <t>バン</t>
    </rPh>
    <rPh sb="11" eb="13">
      <t>コヨウ</t>
    </rPh>
    <rPh sb="13" eb="15">
      <t>イミン</t>
    </rPh>
    <rPh sb="16" eb="18">
      <t>ロウホウ</t>
    </rPh>
    <phoneticPr fontId="2"/>
  </si>
  <si>
    <t>海草・海南版　１６日から母子家庭作品即売会</t>
    <rPh sb="0" eb="2">
      <t>カイソウ</t>
    </rPh>
    <rPh sb="3" eb="5">
      <t>カイナン</t>
    </rPh>
    <rPh sb="5" eb="6">
      <t>バン</t>
    </rPh>
    <rPh sb="9" eb="10">
      <t>ニチ</t>
    </rPh>
    <rPh sb="12" eb="14">
      <t>ボシ</t>
    </rPh>
    <rPh sb="14" eb="16">
      <t>カテイ</t>
    </rPh>
    <rPh sb="16" eb="18">
      <t>サクヒン</t>
    </rPh>
    <rPh sb="18" eb="21">
      <t>ソクバイカイ</t>
    </rPh>
    <phoneticPr fontId="2"/>
  </si>
  <si>
    <t>海草・海南版　好成績で成人体力健康検査終る</t>
    <rPh sb="0" eb="2">
      <t>カイソウ</t>
    </rPh>
    <rPh sb="3" eb="5">
      <t>カイナン</t>
    </rPh>
    <rPh sb="5" eb="6">
      <t>バン</t>
    </rPh>
    <rPh sb="7" eb="10">
      <t>コウセイセキ</t>
    </rPh>
    <rPh sb="11" eb="13">
      <t>セイジン</t>
    </rPh>
    <rPh sb="13" eb="15">
      <t>タイリョク</t>
    </rPh>
    <rPh sb="15" eb="17">
      <t>ケンコウ</t>
    </rPh>
    <rPh sb="17" eb="19">
      <t>ケンサ</t>
    </rPh>
    <rPh sb="19" eb="20">
      <t>オワ</t>
    </rPh>
    <phoneticPr fontId="2"/>
  </si>
  <si>
    <t>海草・海南版　盛んな移民熱　速刻申込も出る美里町</t>
    <rPh sb="0" eb="2">
      <t>カイソウ</t>
    </rPh>
    <rPh sb="3" eb="5">
      <t>カイナン</t>
    </rPh>
    <rPh sb="5" eb="6">
      <t>バン</t>
    </rPh>
    <rPh sb="7" eb="8">
      <t>サカ</t>
    </rPh>
    <rPh sb="10" eb="12">
      <t>イミン</t>
    </rPh>
    <rPh sb="12" eb="13">
      <t>ネツ</t>
    </rPh>
    <rPh sb="14" eb="15">
      <t>ハヤ</t>
    </rPh>
    <rPh sb="15" eb="16">
      <t>コク</t>
    </rPh>
    <rPh sb="16" eb="18">
      <t>モウシコ</t>
    </rPh>
    <rPh sb="19" eb="20">
      <t>デ</t>
    </rPh>
    <rPh sb="21" eb="24">
      <t>ミサトチョウ</t>
    </rPh>
    <phoneticPr fontId="2"/>
  </si>
  <si>
    <t>海草・海南版　歯科技工士は免許制に</t>
    <rPh sb="0" eb="2">
      <t>カイソウ</t>
    </rPh>
    <rPh sb="3" eb="5">
      <t>カイナン</t>
    </rPh>
    <rPh sb="5" eb="6">
      <t>バン</t>
    </rPh>
    <rPh sb="7" eb="9">
      <t>シカ</t>
    </rPh>
    <rPh sb="9" eb="12">
      <t>ギコウシ</t>
    </rPh>
    <rPh sb="13" eb="16">
      <t>メンキョセイ</t>
    </rPh>
    <phoneticPr fontId="2"/>
  </si>
  <si>
    <t>海草・海南版　新穀献上の県代表に　篤農家の山﨑惣二郎氏（写真　献穀田の稲穂を手にした山崎さんと中尾地方事務所長）</t>
    <rPh sb="0" eb="2">
      <t>カイソウ</t>
    </rPh>
    <rPh sb="3" eb="5">
      <t>カイナン</t>
    </rPh>
    <rPh sb="5" eb="6">
      <t>バン</t>
    </rPh>
    <rPh sb="7" eb="9">
      <t>シンコク</t>
    </rPh>
    <rPh sb="9" eb="11">
      <t>ケンジョウ</t>
    </rPh>
    <rPh sb="12" eb="13">
      <t>ケン</t>
    </rPh>
    <rPh sb="13" eb="15">
      <t>ダイヒョウ</t>
    </rPh>
    <rPh sb="17" eb="18">
      <t>アツシ</t>
    </rPh>
    <rPh sb="18" eb="20">
      <t>ノウカ</t>
    </rPh>
    <rPh sb="21" eb="23">
      <t>ヤマザキ</t>
    </rPh>
    <rPh sb="23" eb="24">
      <t>ソウ</t>
    </rPh>
    <rPh sb="24" eb="26">
      <t>ジロウ</t>
    </rPh>
    <rPh sb="26" eb="27">
      <t>シ</t>
    </rPh>
    <rPh sb="28" eb="30">
      <t>シャシン</t>
    </rPh>
    <rPh sb="31" eb="32">
      <t>ケン</t>
    </rPh>
    <rPh sb="32" eb="33">
      <t>コク</t>
    </rPh>
    <rPh sb="33" eb="34">
      <t>タ</t>
    </rPh>
    <rPh sb="35" eb="37">
      <t>イナホ</t>
    </rPh>
    <rPh sb="38" eb="39">
      <t>テ</t>
    </rPh>
    <rPh sb="42" eb="44">
      <t>ヤマサキ</t>
    </rPh>
    <rPh sb="47" eb="49">
      <t>ナカオ</t>
    </rPh>
    <rPh sb="49" eb="51">
      <t>チホウ</t>
    </rPh>
    <rPh sb="51" eb="53">
      <t>ジム</t>
    </rPh>
    <rPh sb="53" eb="55">
      <t>ショチョウ</t>
    </rPh>
    <phoneticPr fontId="2"/>
  </si>
  <si>
    <t>海草・海南版　中小企業に特別融資</t>
    <rPh sb="0" eb="2">
      <t>カイソウ</t>
    </rPh>
    <rPh sb="3" eb="5">
      <t>カイナン</t>
    </rPh>
    <rPh sb="5" eb="6">
      <t>バン</t>
    </rPh>
    <rPh sb="7" eb="9">
      <t>チュウショウ</t>
    </rPh>
    <rPh sb="9" eb="11">
      <t>キギョウ</t>
    </rPh>
    <rPh sb="12" eb="14">
      <t>トクベツ</t>
    </rPh>
    <rPh sb="14" eb="16">
      <t>ユウシ</t>
    </rPh>
    <phoneticPr fontId="2"/>
  </si>
  <si>
    <t>海草・海南版　海南医療事業普及会発足</t>
    <rPh sb="0" eb="2">
      <t>カイソウ</t>
    </rPh>
    <rPh sb="3" eb="5">
      <t>カイナン</t>
    </rPh>
    <rPh sb="5" eb="6">
      <t>バン</t>
    </rPh>
    <rPh sb="7" eb="9">
      <t>カイナン</t>
    </rPh>
    <rPh sb="9" eb="11">
      <t>イリョウ</t>
    </rPh>
    <rPh sb="11" eb="13">
      <t>ジギョウ</t>
    </rPh>
    <rPh sb="13" eb="15">
      <t>フキュウ</t>
    </rPh>
    <rPh sb="15" eb="16">
      <t>カイ</t>
    </rPh>
    <rPh sb="16" eb="18">
      <t>ホッソク</t>
    </rPh>
    <phoneticPr fontId="2"/>
  </si>
  <si>
    <t>海草・海南版　地域と直結した教育　和歌浦小で第九回社会教育研究大会</t>
    <rPh sb="0" eb="2">
      <t>カイソウ</t>
    </rPh>
    <rPh sb="3" eb="5">
      <t>カイナン</t>
    </rPh>
    <rPh sb="5" eb="6">
      <t>バン</t>
    </rPh>
    <rPh sb="7" eb="9">
      <t>チイキ</t>
    </rPh>
    <rPh sb="10" eb="12">
      <t>チョッケツ</t>
    </rPh>
    <rPh sb="14" eb="16">
      <t>キョウイク</t>
    </rPh>
    <rPh sb="17" eb="20">
      <t>ワカウラ</t>
    </rPh>
    <rPh sb="20" eb="21">
      <t>ショウ</t>
    </rPh>
    <rPh sb="22" eb="23">
      <t>ダイ</t>
    </rPh>
    <rPh sb="23" eb="24">
      <t>9</t>
    </rPh>
    <rPh sb="24" eb="25">
      <t>カイ</t>
    </rPh>
    <rPh sb="25" eb="27">
      <t>シャカイ</t>
    </rPh>
    <rPh sb="27" eb="29">
      <t>キョウイク</t>
    </rPh>
    <rPh sb="29" eb="31">
      <t>ケンキュウ</t>
    </rPh>
    <rPh sb="31" eb="33">
      <t>タイカイ</t>
    </rPh>
    <phoneticPr fontId="2"/>
  </si>
  <si>
    <t>海草・海南版　人権週間に寄せて</t>
    <rPh sb="0" eb="2">
      <t>カイソウ</t>
    </rPh>
    <rPh sb="3" eb="5">
      <t>カイナン</t>
    </rPh>
    <rPh sb="5" eb="6">
      <t>バン</t>
    </rPh>
    <rPh sb="7" eb="9">
      <t>ジンケン</t>
    </rPh>
    <rPh sb="9" eb="11">
      <t>シュウカン</t>
    </rPh>
    <rPh sb="12" eb="13">
      <t>ヨ</t>
    </rPh>
    <phoneticPr fontId="2"/>
  </si>
  <si>
    <t>海草・海南版　１２月１日→１２月３１日　年末警戒</t>
    <rPh sb="0" eb="2">
      <t>カイソウ</t>
    </rPh>
    <rPh sb="3" eb="5">
      <t>カイナン</t>
    </rPh>
    <rPh sb="5" eb="6">
      <t>バン</t>
    </rPh>
    <phoneticPr fontId="2"/>
  </si>
  <si>
    <t>海草・海南版　１２月１６日～２１日　母子家庭作品展示即売会</t>
    <rPh sb="0" eb="2">
      <t>カイソウ</t>
    </rPh>
    <rPh sb="3" eb="5">
      <t>カイナン</t>
    </rPh>
    <rPh sb="5" eb="6">
      <t>バン</t>
    </rPh>
    <phoneticPr fontId="2"/>
  </si>
  <si>
    <t>那賀版　保健所、全力を傾注　指定地区の家族計画具体化へ</t>
    <rPh sb="0" eb="2">
      <t>ナガ</t>
    </rPh>
    <rPh sb="2" eb="3">
      <t>バン</t>
    </rPh>
    <rPh sb="4" eb="7">
      <t>ホケンジョ</t>
    </rPh>
    <rPh sb="8" eb="10">
      <t>ゼンリョク</t>
    </rPh>
    <rPh sb="11" eb="13">
      <t>ケイチュウ</t>
    </rPh>
    <rPh sb="14" eb="16">
      <t>シテイ</t>
    </rPh>
    <rPh sb="16" eb="18">
      <t>チク</t>
    </rPh>
    <rPh sb="19" eb="21">
      <t>カゾク</t>
    </rPh>
    <rPh sb="21" eb="23">
      <t>ケイカク</t>
    </rPh>
    <rPh sb="23" eb="26">
      <t>グタイカ</t>
    </rPh>
    <phoneticPr fontId="2"/>
  </si>
  <si>
    <t>那賀版　国税調査　千九百人減る</t>
    <rPh sb="0" eb="2">
      <t>ナガ</t>
    </rPh>
    <rPh sb="2" eb="3">
      <t>バン</t>
    </rPh>
    <rPh sb="4" eb="8">
      <t>コクゼイチョウサ</t>
    </rPh>
    <rPh sb="9" eb="12">
      <t>1900</t>
    </rPh>
    <rPh sb="12" eb="13">
      <t>ニン</t>
    </rPh>
    <rPh sb="13" eb="14">
      <t>ヘ</t>
    </rPh>
    <phoneticPr fontId="2"/>
  </si>
  <si>
    <t>那賀版　人権週間に寄せて</t>
    <rPh sb="0" eb="2">
      <t>ナガ</t>
    </rPh>
    <rPh sb="2" eb="3">
      <t>バン</t>
    </rPh>
    <rPh sb="4" eb="6">
      <t>ジンケン</t>
    </rPh>
    <rPh sb="6" eb="8">
      <t>シュウカン</t>
    </rPh>
    <rPh sb="9" eb="10">
      <t>ヨ</t>
    </rPh>
    <phoneticPr fontId="2"/>
  </si>
  <si>
    <t>那賀版　北米向輸出に適す　南柑二十号　麻生津で見事結実（写真　南柑二十号）</t>
    <rPh sb="0" eb="2">
      <t>ナガ</t>
    </rPh>
    <rPh sb="2" eb="3">
      <t>バン</t>
    </rPh>
    <rPh sb="4" eb="6">
      <t>ホクベイ</t>
    </rPh>
    <rPh sb="6" eb="7">
      <t>ム</t>
    </rPh>
    <rPh sb="7" eb="9">
      <t>ユシュツ</t>
    </rPh>
    <rPh sb="10" eb="11">
      <t>テキ</t>
    </rPh>
    <rPh sb="13" eb="14">
      <t>ミナミ</t>
    </rPh>
    <rPh sb="14" eb="15">
      <t>カン</t>
    </rPh>
    <rPh sb="15" eb="18">
      <t>ニジュウゴウ</t>
    </rPh>
    <rPh sb="19" eb="21">
      <t>アソウ</t>
    </rPh>
    <rPh sb="21" eb="22">
      <t>ツ</t>
    </rPh>
    <rPh sb="23" eb="25">
      <t>ミゴト</t>
    </rPh>
    <rPh sb="25" eb="27">
      <t>ケツジツ</t>
    </rPh>
    <rPh sb="28" eb="30">
      <t>シャシン</t>
    </rPh>
    <rPh sb="31" eb="32">
      <t>ミナミ</t>
    </rPh>
    <rPh sb="32" eb="33">
      <t>カン</t>
    </rPh>
    <rPh sb="33" eb="36">
      <t>ニジュウゴウ</t>
    </rPh>
    <phoneticPr fontId="2"/>
  </si>
  <si>
    <t>那賀版　１６日から母子家庭作品即売会</t>
    <rPh sb="0" eb="2">
      <t>ナガ</t>
    </rPh>
    <rPh sb="2" eb="3">
      <t>バン</t>
    </rPh>
    <rPh sb="6" eb="7">
      <t>ニチ</t>
    </rPh>
    <rPh sb="9" eb="11">
      <t>ボシ</t>
    </rPh>
    <rPh sb="11" eb="13">
      <t>カテイ</t>
    </rPh>
    <rPh sb="13" eb="15">
      <t>サクヒン</t>
    </rPh>
    <rPh sb="15" eb="18">
      <t>ソクバイカイ</t>
    </rPh>
    <phoneticPr fontId="2"/>
  </si>
  <si>
    <t>那賀版　歯科技工士は免許制に</t>
    <rPh sb="0" eb="2">
      <t>ナガ</t>
    </rPh>
    <rPh sb="2" eb="3">
      <t>バン</t>
    </rPh>
    <phoneticPr fontId="2"/>
  </si>
  <si>
    <t>那賀版　屑玉ねぎが原因　ベト病防除はこうして</t>
    <rPh sb="0" eb="2">
      <t>ナガ</t>
    </rPh>
    <rPh sb="2" eb="3">
      <t>バン</t>
    </rPh>
    <rPh sb="4" eb="5">
      <t>クズ</t>
    </rPh>
    <rPh sb="5" eb="6">
      <t>タマ</t>
    </rPh>
    <rPh sb="9" eb="11">
      <t>ゲンイン</t>
    </rPh>
    <rPh sb="14" eb="15">
      <t>ビョウ</t>
    </rPh>
    <rPh sb="15" eb="17">
      <t>ボウジョ</t>
    </rPh>
    <phoneticPr fontId="2"/>
  </si>
  <si>
    <t>那賀版　和やかに運動会　県庁出先機関の職員（写真　運動会の様子）</t>
    <rPh sb="0" eb="2">
      <t>ナガ</t>
    </rPh>
    <rPh sb="2" eb="3">
      <t>バン</t>
    </rPh>
    <rPh sb="4" eb="5">
      <t>ナゴ</t>
    </rPh>
    <rPh sb="8" eb="11">
      <t>ウンドウカイ</t>
    </rPh>
    <rPh sb="12" eb="14">
      <t>ケンチョウ</t>
    </rPh>
    <rPh sb="14" eb="16">
      <t>デサキ</t>
    </rPh>
    <rPh sb="16" eb="18">
      <t>キカン</t>
    </rPh>
    <rPh sb="19" eb="21">
      <t>ショクイン</t>
    </rPh>
    <rPh sb="22" eb="24">
      <t>シャシン</t>
    </rPh>
    <rPh sb="25" eb="28">
      <t>ウンドウカイ</t>
    </rPh>
    <rPh sb="29" eb="31">
      <t>ヨウス</t>
    </rPh>
    <phoneticPr fontId="2"/>
  </si>
  <si>
    <t>那賀版　高田さんら表彰　日赤創立六十周年記念</t>
    <rPh sb="0" eb="2">
      <t>ナガ</t>
    </rPh>
    <rPh sb="2" eb="3">
      <t>バン</t>
    </rPh>
    <rPh sb="4" eb="6">
      <t>タカダ</t>
    </rPh>
    <rPh sb="9" eb="11">
      <t>ヒョウショウ</t>
    </rPh>
    <rPh sb="12" eb="14">
      <t>ニッセキ</t>
    </rPh>
    <rPh sb="14" eb="16">
      <t>ソウリツ</t>
    </rPh>
    <rPh sb="16" eb="18">
      <t>60</t>
    </rPh>
    <rPh sb="18" eb="20">
      <t>シュウネン</t>
    </rPh>
    <rPh sb="20" eb="22">
      <t>キネン</t>
    </rPh>
    <phoneticPr fontId="2"/>
  </si>
  <si>
    <t>那賀版　公明選挙を語る</t>
    <rPh sb="0" eb="2">
      <t>ナガ</t>
    </rPh>
    <rPh sb="2" eb="3">
      <t>バン</t>
    </rPh>
    <rPh sb="4" eb="6">
      <t>コウメイ</t>
    </rPh>
    <rPh sb="6" eb="8">
      <t>センキョ</t>
    </rPh>
    <rPh sb="9" eb="10">
      <t>カタ</t>
    </rPh>
    <phoneticPr fontId="2"/>
  </si>
  <si>
    <t>那賀版　郡民の声　商業発展と観光</t>
    <rPh sb="0" eb="2">
      <t>ナガ</t>
    </rPh>
    <rPh sb="2" eb="3">
      <t>バン</t>
    </rPh>
    <rPh sb="4" eb="6">
      <t>グンミン</t>
    </rPh>
    <rPh sb="7" eb="8">
      <t>コエ</t>
    </rPh>
    <rPh sb="9" eb="11">
      <t>ショウギョウ</t>
    </rPh>
    <rPh sb="11" eb="13">
      <t>ハッテン</t>
    </rPh>
    <rPh sb="14" eb="16">
      <t>カンコウ</t>
    </rPh>
    <phoneticPr fontId="2"/>
  </si>
  <si>
    <t>那賀版　１２月１日→１２月３１日　年末警戒</t>
    <rPh sb="0" eb="2">
      <t>ナガ</t>
    </rPh>
    <rPh sb="2" eb="3">
      <t>バン</t>
    </rPh>
    <phoneticPr fontId="2"/>
  </si>
  <si>
    <t>那賀版　１２月１６日～２１日　母子家庭作品展示即売会</t>
    <rPh sb="0" eb="2">
      <t>ナガ</t>
    </rPh>
    <rPh sb="2" eb="3">
      <t>バン</t>
    </rPh>
    <phoneticPr fontId="2"/>
  </si>
  <si>
    <t>伊都・橋本版　新生活モデル町村コンクール　総合で県下第一位　表彰に輝く橋本市紀見地区（写真　環境衛生の向上に活躍する衛生班）</t>
    <rPh sb="0" eb="2">
      <t>イト</t>
    </rPh>
    <rPh sb="3" eb="5">
      <t>ハシモト</t>
    </rPh>
    <rPh sb="5" eb="6">
      <t>バン</t>
    </rPh>
    <rPh sb="7" eb="10">
      <t>シンセイカツ</t>
    </rPh>
    <rPh sb="13" eb="15">
      <t>チョウソン</t>
    </rPh>
    <rPh sb="21" eb="23">
      <t>ソウゴウ</t>
    </rPh>
    <rPh sb="24" eb="26">
      <t>ケンカ</t>
    </rPh>
    <rPh sb="26" eb="27">
      <t>ダイ</t>
    </rPh>
    <rPh sb="27" eb="28">
      <t>1</t>
    </rPh>
    <rPh sb="28" eb="29">
      <t>イ</t>
    </rPh>
    <rPh sb="30" eb="32">
      <t>ヒョウショウ</t>
    </rPh>
    <rPh sb="33" eb="34">
      <t>カガヤ</t>
    </rPh>
    <rPh sb="35" eb="38">
      <t>ハシモトシ</t>
    </rPh>
    <rPh sb="38" eb="40">
      <t>キミ</t>
    </rPh>
    <rPh sb="40" eb="42">
      <t>チク</t>
    </rPh>
    <rPh sb="43" eb="45">
      <t>シャシン</t>
    </rPh>
    <rPh sb="46" eb="48">
      <t>カンキョウ</t>
    </rPh>
    <rPh sb="48" eb="50">
      <t>エイセイ</t>
    </rPh>
    <rPh sb="51" eb="53">
      <t>コウジョウ</t>
    </rPh>
    <rPh sb="54" eb="56">
      <t>カツヤク</t>
    </rPh>
    <rPh sb="58" eb="60">
      <t>エイセイ</t>
    </rPh>
    <rPh sb="60" eb="61">
      <t>ハン</t>
    </rPh>
    <phoneticPr fontId="2"/>
  </si>
  <si>
    <t>伊都・橋本版　よい身体の寺澤君　県下一位の優良児に</t>
    <rPh sb="0" eb="2">
      <t>イト</t>
    </rPh>
    <rPh sb="3" eb="5">
      <t>ハシモト</t>
    </rPh>
    <rPh sb="5" eb="6">
      <t>バン</t>
    </rPh>
    <rPh sb="9" eb="11">
      <t>カラダ</t>
    </rPh>
    <rPh sb="12" eb="14">
      <t>テラサワ</t>
    </rPh>
    <rPh sb="14" eb="15">
      <t>クン</t>
    </rPh>
    <rPh sb="16" eb="18">
      <t>ケンカ</t>
    </rPh>
    <rPh sb="18" eb="20">
      <t>イチイ</t>
    </rPh>
    <rPh sb="21" eb="24">
      <t>ユウリョウジ</t>
    </rPh>
    <phoneticPr fontId="2"/>
  </si>
  <si>
    <t>伊都・橋本版　ぐんと増えた橋本市　国勢調査中間発表わかる</t>
    <rPh sb="0" eb="2">
      <t>イト</t>
    </rPh>
    <rPh sb="3" eb="5">
      <t>ハシモト</t>
    </rPh>
    <rPh sb="5" eb="6">
      <t>バン</t>
    </rPh>
    <rPh sb="10" eb="11">
      <t>フ</t>
    </rPh>
    <rPh sb="13" eb="16">
      <t>ハシモトシ</t>
    </rPh>
    <rPh sb="17" eb="19">
      <t>コクセイ</t>
    </rPh>
    <rPh sb="19" eb="21">
      <t>チョウサ</t>
    </rPh>
    <rPh sb="21" eb="23">
      <t>チュウカン</t>
    </rPh>
    <rPh sb="23" eb="25">
      <t>ハッピョウ</t>
    </rPh>
    <phoneticPr fontId="2"/>
  </si>
  <si>
    <t>伊都・橋本版　新生活を推進する人々③　筒井秋子さん　西山艶子さん</t>
    <rPh sb="0" eb="2">
      <t>イト</t>
    </rPh>
    <rPh sb="3" eb="5">
      <t>ハシモト</t>
    </rPh>
    <rPh sb="5" eb="6">
      <t>バン</t>
    </rPh>
    <rPh sb="7" eb="10">
      <t>シンセイカツ</t>
    </rPh>
    <rPh sb="11" eb="13">
      <t>スイシン</t>
    </rPh>
    <rPh sb="15" eb="17">
      <t>ヒトビト</t>
    </rPh>
    <rPh sb="19" eb="21">
      <t>ツツイ</t>
    </rPh>
    <rPh sb="21" eb="23">
      <t>アキコ</t>
    </rPh>
    <rPh sb="26" eb="28">
      <t>ニシヤマ</t>
    </rPh>
    <rPh sb="28" eb="30">
      <t>ツヤコ</t>
    </rPh>
    <phoneticPr fontId="2"/>
  </si>
  <si>
    <t>伊都・橋本版　母子家庭母と子による芸能コンクール</t>
    <rPh sb="0" eb="2">
      <t>イト</t>
    </rPh>
    <rPh sb="3" eb="5">
      <t>ハシモト</t>
    </rPh>
    <rPh sb="5" eb="6">
      <t>バン</t>
    </rPh>
    <rPh sb="7" eb="9">
      <t>ボシ</t>
    </rPh>
    <rPh sb="9" eb="11">
      <t>カテイ</t>
    </rPh>
    <rPh sb="11" eb="12">
      <t>ハハ</t>
    </rPh>
    <rPh sb="13" eb="14">
      <t>コ</t>
    </rPh>
    <rPh sb="17" eb="19">
      <t>ゲイノウ</t>
    </rPh>
    <phoneticPr fontId="2"/>
  </si>
  <si>
    <t>伊都・橋本版　第一回保母音楽講習会終る</t>
    <rPh sb="0" eb="2">
      <t>イト</t>
    </rPh>
    <rPh sb="3" eb="5">
      <t>ハシモト</t>
    </rPh>
    <rPh sb="5" eb="6">
      <t>バン</t>
    </rPh>
    <rPh sb="7" eb="8">
      <t>ダイ</t>
    </rPh>
    <rPh sb="8" eb="9">
      <t>1</t>
    </rPh>
    <rPh sb="9" eb="10">
      <t>カイ</t>
    </rPh>
    <rPh sb="10" eb="12">
      <t>ホボ</t>
    </rPh>
    <rPh sb="12" eb="14">
      <t>オンガク</t>
    </rPh>
    <rPh sb="14" eb="17">
      <t>コウシュウカイ</t>
    </rPh>
    <rPh sb="17" eb="18">
      <t>オワ</t>
    </rPh>
    <phoneticPr fontId="2"/>
  </si>
  <si>
    <t>伊都・橋本版　やめよう　Ｘマスツリーや門松を</t>
    <rPh sb="0" eb="2">
      <t>イト</t>
    </rPh>
    <rPh sb="3" eb="5">
      <t>ハシモト</t>
    </rPh>
    <rPh sb="5" eb="6">
      <t>バン</t>
    </rPh>
    <rPh sb="19" eb="21">
      <t>カドマツ</t>
    </rPh>
    <phoneticPr fontId="2"/>
  </si>
  <si>
    <t>伊都・橋本版　１２月１日→１２月３１日　年末警戒</t>
    <rPh sb="0" eb="2">
      <t>イト</t>
    </rPh>
    <rPh sb="3" eb="5">
      <t>ハシモト</t>
    </rPh>
    <rPh sb="5" eb="6">
      <t>バン</t>
    </rPh>
    <phoneticPr fontId="2"/>
  </si>
  <si>
    <t>伊都・橋本版　１２月１６日～２１日　母子家庭作品展示即売会</t>
    <rPh sb="0" eb="2">
      <t>イト</t>
    </rPh>
    <rPh sb="3" eb="5">
      <t>ハシモト</t>
    </rPh>
    <rPh sb="5" eb="6">
      <t>バン</t>
    </rPh>
    <phoneticPr fontId="2"/>
  </si>
  <si>
    <t>有田版　努力実って県下一　健康優良校の箕島第二小学校（写真　体育に励む箕島第二小の児童たち）</t>
    <rPh sb="0" eb="2">
      <t>アリダ</t>
    </rPh>
    <rPh sb="2" eb="3">
      <t>バン</t>
    </rPh>
    <rPh sb="4" eb="6">
      <t>ドリョク</t>
    </rPh>
    <rPh sb="6" eb="7">
      <t>ミノ</t>
    </rPh>
    <rPh sb="9" eb="12">
      <t>ケンカイチ</t>
    </rPh>
    <rPh sb="13" eb="15">
      <t>ケンコウ</t>
    </rPh>
    <rPh sb="15" eb="18">
      <t>ユリョウコウ</t>
    </rPh>
    <rPh sb="19" eb="21">
      <t>ミノシマ</t>
    </rPh>
    <rPh sb="21" eb="22">
      <t>ダイ</t>
    </rPh>
    <rPh sb="22" eb="23">
      <t>2</t>
    </rPh>
    <rPh sb="23" eb="26">
      <t>ショウガッコウ</t>
    </rPh>
    <rPh sb="27" eb="29">
      <t>シャシン</t>
    </rPh>
    <rPh sb="30" eb="32">
      <t>タイイク</t>
    </rPh>
    <rPh sb="33" eb="34">
      <t>ハゲ</t>
    </rPh>
    <rPh sb="35" eb="37">
      <t>ミノシマ</t>
    </rPh>
    <rPh sb="37" eb="38">
      <t>ダイ</t>
    </rPh>
    <rPh sb="38" eb="39">
      <t>2</t>
    </rPh>
    <rPh sb="39" eb="40">
      <t>ショウ</t>
    </rPh>
    <rPh sb="41" eb="43">
      <t>ジドウ</t>
    </rPh>
    <phoneticPr fontId="2"/>
  </si>
  <si>
    <t>有田版　今年の伝染病患者は８３名　ジフテリアは昨年の二倍</t>
    <rPh sb="0" eb="2">
      <t>アリダ</t>
    </rPh>
    <rPh sb="2" eb="3">
      <t>バン</t>
    </rPh>
    <rPh sb="4" eb="6">
      <t>コトシ</t>
    </rPh>
    <rPh sb="7" eb="10">
      <t>デンセンビョウ</t>
    </rPh>
    <rPh sb="10" eb="12">
      <t>カンジャ</t>
    </rPh>
    <rPh sb="15" eb="16">
      <t>メイ</t>
    </rPh>
    <rPh sb="23" eb="25">
      <t>サクネン</t>
    </rPh>
    <rPh sb="26" eb="27">
      <t>2</t>
    </rPh>
    <rPh sb="27" eb="28">
      <t>バイ</t>
    </rPh>
    <phoneticPr fontId="2"/>
  </si>
  <si>
    <t>有田版　豊作の蔭に・・・　見逃せぬ農業技術の進歩</t>
    <rPh sb="0" eb="2">
      <t>アリダ</t>
    </rPh>
    <rPh sb="2" eb="3">
      <t>バン</t>
    </rPh>
    <rPh sb="4" eb="6">
      <t>ホウサク</t>
    </rPh>
    <rPh sb="7" eb="8">
      <t>カゲ</t>
    </rPh>
    <rPh sb="13" eb="15">
      <t>ミノガ</t>
    </rPh>
    <rPh sb="17" eb="19">
      <t>ノウギョウ</t>
    </rPh>
    <rPh sb="19" eb="21">
      <t>ギジュツ</t>
    </rPh>
    <rPh sb="22" eb="24">
      <t>シンポ</t>
    </rPh>
    <phoneticPr fontId="2"/>
  </si>
  <si>
    <t>有田版　歯科技工士は免許制に</t>
    <rPh sb="0" eb="2">
      <t>アリダ</t>
    </rPh>
    <rPh sb="2" eb="3">
      <t>バン</t>
    </rPh>
    <rPh sb="4" eb="9">
      <t>シカギコウシ</t>
    </rPh>
    <rPh sb="10" eb="13">
      <t>メンキョセイ</t>
    </rPh>
    <phoneticPr fontId="2"/>
  </si>
  <si>
    <t>有田版　重要文化財めぐり⑧　施無畏寺の置文（写真　置文）</t>
    <rPh sb="0" eb="2">
      <t>アリダ</t>
    </rPh>
    <rPh sb="2" eb="3">
      <t>バン</t>
    </rPh>
    <rPh sb="4" eb="6">
      <t>ジュウヨウ</t>
    </rPh>
    <rPh sb="6" eb="9">
      <t>ブンカザイ</t>
    </rPh>
    <rPh sb="14" eb="17">
      <t>セムイ</t>
    </rPh>
    <rPh sb="17" eb="18">
      <t>デラ</t>
    </rPh>
    <rPh sb="19" eb="20">
      <t>チ</t>
    </rPh>
    <rPh sb="20" eb="21">
      <t>アヤ</t>
    </rPh>
    <rPh sb="22" eb="24">
      <t>シャシン</t>
    </rPh>
    <rPh sb="25" eb="26">
      <t>チ</t>
    </rPh>
    <rPh sb="26" eb="27">
      <t>アヤ</t>
    </rPh>
    <phoneticPr fontId="2"/>
  </si>
  <si>
    <t>有田版　七万本建込み　豊作予想の有田のり</t>
    <rPh sb="0" eb="2">
      <t>アリダ</t>
    </rPh>
    <rPh sb="2" eb="3">
      <t>バン</t>
    </rPh>
    <rPh sb="4" eb="5">
      <t>7</t>
    </rPh>
    <rPh sb="5" eb="7">
      <t>マンボン</t>
    </rPh>
    <rPh sb="7" eb="9">
      <t>タテコ</t>
    </rPh>
    <rPh sb="11" eb="13">
      <t>ホウサク</t>
    </rPh>
    <rPh sb="13" eb="15">
      <t>ヨソウ</t>
    </rPh>
    <rPh sb="16" eb="18">
      <t>アリタ</t>
    </rPh>
    <phoneticPr fontId="2"/>
  </si>
  <si>
    <t>有田版　整備進む五稜病院</t>
    <rPh sb="0" eb="2">
      <t>アリダ</t>
    </rPh>
    <rPh sb="2" eb="3">
      <t>バン</t>
    </rPh>
    <rPh sb="4" eb="6">
      <t>セイビ</t>
    </rPh>
    <rPh sb="6" eb="7">
      <t>スス</t>
    </rPh>
    <rPh sb="8" eb="10">
      <t>ゴリョウ</t>
    </rPh>
    <rPh sb="10" eb="12">
      <t>ビョウイン</t>
    </rPh>
    <phoneticPr fontId="2"/>
  </si>
  <si>
    <t>有田版　電波に乗った改善結婚　NHK　宮原公民館で録音（写真）</t>
    <rPh sb="0" eb="2">
      <t>アリダ</t>
    </rPh>
    <rPh sb="2" eb="3">
      <t>バン</t>
    </rPh>
    <rPh sb="4" eb="6">
      <t>デンパ</t>
    </rPh>
    <rPh sb="7" eb="8">
      <t>ノ</t>
    </rPh>
    <rPh sb="10" eb="12">
      <t>カイゼン</t>
    </rPh>
    <rPh sb="12" eb="14">
      <t>ケッコン</t>
    </rPh>
    <rPh sb="19" eb="21">
      <t>ミヤハラ</t>
    </rPh>
    <rPh sb="21" eb="24">
      <t>コウミンカン</t>
    </rPh>
    <rPh sb="25" eb="27">
      <t>ロクオン</t>
    </rPh>
    <rPh sb="28" eb="30">
      <t>シャシン</t>
    </rPh>
    <phoneticPr fontId="2"/>
  </si>
  <si>
    <t>有田版　１２月１日→１２月３１日　年末警戒</t>
    <rPh sb="0" eb="2">
      <t>アリダ</t>
    </rPh>
    <rPh sb="2" eb="3">
      <t>バン</t>
    </rPh>
    <phoneticPr fontId="2"/>
  </si>
  <si>
    <t>有田版　１２月１６日～２１日　母子家庭作品展示即売会</t>
    <rPh sb="0" eb="2">
      <t>アリダ</t>
    </rPh>
    <rPh sb="2" eb="3">
      <t>バン</t>
    </rPh>
    <phoneticPr fontId="2"/>
  </si>
  <si>
    <t>日高・御坊版　国勢調査　千八百人減る〔郡〕　御坊市は三百人増加</t>
    <rPh sb="0" eb="2">
      <t>ヒダカ</t>
    </rPh>
    <rPh sb="3" eb="5">
      <t>ゴボウ</t>
    </rPh>
    <rPh sb="5" eb="6">
      <t>バン</t>
    </rPh>
    <rPh sb="7" eb="9">
      <t>コクセイ</t>
    </rPh>
    <rPh sb="9" eb="11">
      <t>チョウサ</t>
    </rPh>
    <rPh sb="12" eb="15">
      <t>1800</t>
    </rPh>
    <rPh sb="15" eb="16">
      <t>ニン</t>
    </rPh>
    <rPh sb="16" eb="17">
      <t>ヘ</t>
    </rPh>
    <rPh sb="19" eb="20">
      <t>グン</t>
    </rPh>
    <rPh sb="22" eb="25">
      <t>ゴボウシ</t>
    </rPh>
    <rPh sb="26" eb="28">
      <t>300</t>
    </rPh>
    <rPh sb="28" eb="29">
      <t>ニン</t>
    </rPh>
    <rPh sb="29" eb="31">
      <t>ゾウカ</t>
    </rPh>
    <phoneticPr fontId="2"/>
  </si>
  <si>
    <t>日高・御坊版　環境食品衛生優秀店を表彰</t>
    <rPh sb="0" eb="2">
      <t>ヒダカ</t>
    </rPh>
    <rPh sb="3" eb="5">
      <t>ゴボウ</t>
    </rPh>
    <rPh sb="5" eb="6">
      <t>バン</t>
    </rPh>
    <rPh sb="7" eb="9">
      <t>カンキョウ</t>
    </rPh>
    <rPh sb="9" eb="11">
      <t>ショクヒン</t>
    </rPh>
    <rPh sb="11" eb="13">
      <t>エイセイ</t>
    </rPh>
    <rPh sb="13" eb="15">
      <t>ユウシュウ</t>
    </rPh>
    <rPh sb="15" eb="16">
      <t>ミセ</t>
    </rPh>
    <rPh sb="17" eb="19">
      <t>ヒョウショウ</t>
    </rPh>
    <phoneticPr fontId="2"/>
  </si>
  <si>
    <t>日高・御坊版　普及してきた改善結婚（写真　新型結婚式）</t>
    <rPh sb="0" eb="2">
      <t>ヒダカ</t>
    </rPh>
    <rPh sb="3" eb="5">
      <t>ゴボウ</t>
    </rPh>
    <rPh sb="5" eb="6">
      <t>バン</t>
    </rPh>
    <rPh sb="7" eb="9">
      <t>フキュウ</t>
    </rPh>
    <rPh sb="13" eb="15">
      <t>カイゼン</t>
    </rPh>
    <rPh sb="15" eb="17">
      <t>ケッコン</t>
    </rPh>
    <rPh sb="18" eb="20">
      <t>シャシン</t>
    </rPh>
    <rPh sb="21" eb="23">
      <t>シンガタ</t>
    </rPh>
    <rPh sb="23" eb="26">
      <t>ケッコンシキ</t>
    </rPh>
    <phoneticPr fontId="2"/>
  </si>
  <si>
    <t>日高・御坊版　女子身体障害者の自立更生へ　毛糸機械編の講習会（写真　毛糸編機と取組む婦人たち）</t>
    <rPh sb="0" eb="2">
      <t>ヒダカ</t>
    </rPh>
    <rPh sb="3" eb="5">
      <t>ゴボウ</t>
    </rPh>
    <rPh sb="5" eb="6">
      <t>バン</t>
    </rPh>
    <rPh sb="7" eb="9">
      <t>ジョシ</t>
    </rPh>
    <rPh sb="9" eb="11">
      <t>シンタイ</t>
    </rPh>
    <rPh sb="11" eb="14">
      <t>ショウガイシャ</t>
    </rPh>
    <rPh sb="15" eb="17">
      <t>ジリツ</t>
    </rPh>
    <rPh sb="17" eb="19">
      <t>コウセイ</t>
    </rPh>
    <rPh sb="21" eb="23">
      <t>ケイト</t>
    </rPh>
    <rPh sb="23" eb="26">
      <t>キカイア</t>
    </rPh>
    <rPh sb="27" eb="30">
      <t>コウシュウカイ</t>
    </rPh>
    <rPh sb="31" eb="33">
      <t>シャシン</t>
    </rPh>
    <rPh sb="34" eb="36">
      <t>ケイト</t>
    </rPh>
    <rPh sb="36" eb="38">
      <t>アミキ</t>
    </rPh>
    <rPh sb="39" eb="41">
      <t>トリク</t>
    </rPh>
    <rPh sb="42" eb="44">
      <t>フジン</t>
    </rPh>
    <phoneticPr fontId="2"/>
  </si>
  <si>
    <t>日高・御坊版　歯科技工士は免許制に</t>
    <rPh sb="0" eb="2">
      <t>ヒダカ</t>
    </rPh>
    <rPh sb="3" eb="5">
      <t>ゴボウ</t>
    </rPh>
    <rPh sb="5" eb="6">
      <t>バン</t>
    </rPh>
    <phoneticPr fontId="2"/>
  </si>
  <si>
    <t>日高・御坊版　人権週間に寄せて</t>
    <rPh sb="0" eb="2">
      <t>ヒダカ</t>
    </rPh>
    <rPh sb="3" eb="5">
      <t>ゴボウ</t>
    </rPh>
    <rPh sb="5" eb="6">
      <t>バン</t>
    </rPh>
    <rPh sb="7" eb="9">
      <t>ジンケン</t>
    </rPh>
    <rPh sb="9" eb="11">
      <t>シュウカン</t>
    </rPh>
    <rPh sb="12" eb="13">
      <t>ヨ</t>
    </rPh>
    <phoneticPr fontId="2"/>
  </si>
  <si>
    <t>日高・御坊版　中小企業に特別融資</t>
    <rPh sb="0" eb="2">
      <t>ヒダカ</t>
    </rPh>
    <rPh sb="3" eb="5">
      <t>ゴボウ</t>
    </rPh>
    <rPh sb="5" eb="6">
      <t>バン</t>
    </rPh>
    <rPh sb="7" eb="9">
      <t>チュウショウ</t>
    </rPh>
    <rPh sb="9" eb="11">
      <t>キギョウ</t>
    </rPh>
    <rPh sb="12" eb="14">
      <t>トクベツ</t>
    </rPh>
    <rPh sb="14" eb="16">
      <t>ユウシ</t>
    </rPh>
    <phoneticPr fontId="2"/>
  </si>
  <si>
    <t>日高・御坊版　くろしお　米作日本一競作会　日高郡第一次予選</t>
    <rPh sb="0" eb="2">
      <t>ヒダカ</t>
    </rPh>
    <rPh sb="3" eb="5">
      <t>ゴボウ</t>
    </rPh>
    <rPh sb="5" eb="6">
      <t>バン</t>
    </rPh>
    <rPh sb="12" eb="14">
      <t>コメサク</t>
    </rPh>
    <rPh sb="14" eb="17">
      <t>ニホンイチ</t>
    </rPh>
    <rPh sb="17" eb="20">
      <t>キョウサクカイ</t>
    </rPh>
    <rPh sb="21" eb="24">
      <t>ヒダカグン</t>
    </rPh>
    <rPh sb="24" eb="25">
      <t>ダイ</t>
    </rPh>
    <rPh sb="25" eb="26">
      <t>1</t>
    </rPh>
    <rPh sb="26" eb="27">
      <t>ジ</t>
    </rPh>
    <rPh sb="27" eb="29">
      <t>ヨセン</t>
    </rPh>
    <phoneticPr fontId="2"/>
  </si>
  <si>
    <t>日高・御坊版　くろしお　日高町商工会結成総会</t>
    <rPh sb="0" eb="2">
      <t>ヒダカ</t>
    </rPh>
    <rPh sb="3" eb="5">
      <t>ゴボウ</t>
    </rPh>
    <rPh sb="5" eb="6">
      <t>バン</t>
    </rPh>
    <rPh sb="12" eb="15">
      <t>ヒダカチョウ</t>
    </rPh>
    <rPh sb="15" eb="18">
      <t>ショウコウカイ</t>
    </rPh>
    <rPh sb="18" eb="20">
      <t>ケッセイ</t>
    </rPh>
    <rPh sb="20" eb="22">
      <t>ソウカイ</t>
    </rPh>
    <phoneticPr fontId="2"/>
  </si>
  <si>
    <t>日高・御坊版　くろしお　呼寄せ移民としてブラジルへ出帆</t>
    <rPh sb="0" eb="2">
      <t>ヒダカ</t>
    </rPh>
    <rPh sb="3" eb="5">
      <t>ゴボウ</t>
    </rPh>
    <rPh sb="5" eb="6">
      <t>バン</t>
    </rPh>
    <rPh sb="12" eb="14">
      <t>ヨビヨ</t>
    </rPh>
    <rPh sb="15" eb="17">
      <t>イミン</t>
    </rPh>
    <rPh sb="25" eb="26">
      <t>シュツ</t>
    </rPh>
    <rPh sb="26" eb="27">
      <t>ホ</t>
    </rPh>
    <phoneticPr fontId="2"/>
  </si>
  <si>
    <t>日高・御坊版　くろしお　日赤和歌山県支部創立六十周年記念式典に名誉副総裁秩父宮妃殿下も臨席</t>
    <rPh sb="0" eb="2">
      <t>ヒダカ</t>
    </rPh>
    <rPh sb="3" eb="5">
      <t>ゴボウ</t>
    </rPh>
    <rPh sb="5" eb="6">
      <t>バン</t>
    </rPh>
    <rPh sb="12" eb="14">
      <t>ニッセキ</t>
    </rPh>
    <rPh sb="14" eb="18">
      <t>ワカヤマケン</t>
    </rPh>
    <rPh sb="18" eb="20">
      <t>シブ</t>
    </rPh>
    <rPh sb="20" eb="22">
      <t>ソウリツ</t>
    </rPh>
    <rPh sb="22" eb="24">
      <t>60</t>
    </rPh>
    <rPh sb="24" eb="26">
      <t>シュウネン</t>
    </rPh>
    <rPh sb="26" eb="28">
      <t>キネン</t>
    </rPh>
    <rPh sb="28" eb="30">
      <t>シキテン</t>
    </rPh>
    <rPh sb="31" eb="33">
      <t>メイヨ</t>
    </rPh>
    <rPh sb="33" eb="36">
      <t>フクソウサイ</t>
    </rPh>
    <rPh sb="36" eb="39">
      <t>チチブノミヤ</t>
    </rPh>
    <rPh sb="39" eb="42">
      <t>ヒデンカ</t>
    </rPh>
    <rPh sb="43" eb="45">
      <t>リンセキ</t>
    </rPh>
    <phoneticPr fontId="2"/>
  </si>
  <si>
    <t>日高・御坊版　御坊市商工会議所発足</t>
    <rPh sb="0" eb="2">
      <t>ヒダカ</t>
    </rPh>
    <rPh sb="3" eb="5">
      <t>ゴボウ</t>
    </rPh>
    <rPh sb="5" eb="6">
      <t>バン</t>
    </rPh>
    <rPh sb="7" eb="10">
      <t>ゴボウシ</t>
    </rPh>
    <rPh sb="10" eb="15">
      <t>ショウコウカイギショ</t>
    </rPh>
    <rPh sb="15" eb="17">
      <t>ホッソク</t>
    </rPh>
    <phoneticPr fontId="2"/>
  </si>
  <si>
    <t>日高・御坊版　静岡県へ派遣　稲原の四Hクラブ員</t>
    <rPh sb="0" eb="2">
      <t>ヒダカ</t>
    </rPh>
    <rPh sb="3" eb="5">
      <t>ゴボウ</t>
    </rPh>
    <rPh sb="5" eb="6">
      <t>バン</t>
    </rPh>
    <rPh sb="7" eb="10">
      <t>シズオカケン</t>
    </rPh>
    <rPh sb="11" eb="13">
      <t>ハケン</t>
    </rPh>
    <rPh sb="14" eb="16">
      <t>イナハラ</t>
    </rPh>
    <rPh sb="17" eb="18">
      <t>4</t>
    </rPh>
    <rPh sb="22" eb="23">
      <t>イン</t>
    </rPh>
    <phoneticPr fontId="2"/>
  </si>
  <si>
    <t>日高・御坊版　家族計画でこどもを幸福に</t>
    <rPh sb="0" eb="2">
      <t>ヒダカ</t>
    </rPh>
    <rPh sb="3" eb="5">
      <t>ゴボウ</t>
    </rPh>
    <rPh sb="5" eb="6">
      <t>バン</t>
    </rPh>
    <rPh sb="7" eb="9">
      <t>カゾク</t>
    </rPh>
    <rPh sb="9" eb="11">
      <t>ケイカク</t>
    </rPh>
    <rPh sb="16" eb="18">
      <t>コウフク</t>
    </rPh>
    <phoneticPr fontId="2"/>
  </si>
  <si>
    <t>日高・御坊版　１２月１日→１２月３１日　年末警戒</t>
    <rPh sb="0" eb="2">
      <t>ヒダカ</t>
    </rPh>
    <rPh sb="3" eb="5">
      <t>ゴボウ</t>
    </rPh>
    <rPh sb="5" eb="6">
      <t>バン</t>
    </rPh>
    <phoneticPr fontId="2"/>
  </si>
  <si>
    <t>日高・御坊版　１２月１６日～２１日　母子家庭作品展示即売会</t>
    <rPh sb="0" eb="2">
      <t>ヒダカ</t>
    </rPh>
    <rPh sb="3" eb="5">
      <t>ゴボウ</t>
    </rPh>
    <rPh sb="5" eb="6">
      <t>バン</t>
    </rPh>
    <phoneticPr fontId="2"/>
  </si>
  <si>
    <t>西牟婁・田辺版　新生活モデル町村コンクールに入選　白浜漁協婦人部、江須の川友の会（写真　白浜漁業協同組合婦人部の木炭の共同購入）</t>
    <rPh sb="0" eb="3">
      <t>ニシムロ</t>
    </rPh>
    <rPh sb="4" eb="6">
      <t>タナベ</t>
    </rPh>
    <rPh sb="6" eb="7">
      <t>バン</t>
    </rPh>
    <rPh sb="8" eb="11">
      <t>シンセイカツ</t>
    </rPh>
    <rPh sb="14" eb="16">
      <t>チョウソン</t>
    </rPh>
    <rPh sb="22" eb="24">
      <t>ニュウセン</t>
    </rPh>
    <rPh sb="25" eb="27">
      <t>シラハマ</t>
    </rPh>
    <rPh sb="27" eb="29">
      <t>ギョキョウ</t>
    </rPh>
    <rPh sb="29" eb="32">
      <t>フジンブ</t>
    </rPh>
    <rPh sb="33" eb="35">
      <t>エス</t>
    </rPh>
    <rPh sb="36" eb="37">
      <t>カワ</t>
    </rPh>
    <rPh sb="37" eb="38">
      <t>トモ</t>
    </rPh>
    <rPh sb="39" eb="40">
      <t>カイ</t>
    </rPh>
    <rPh sb="41" eb="43">
      <t>シャシン</t>
    </rPh>
    <rPh sb="44" eb="46">
      <t>シラハマ</t>
    </rPh>
    <rPh sb="46" eb="48">
      <t>ギョギョウ</t>
    </rPh>
    <rPh sb="48" eb="50">
      <t>キョウドウ</t>
    </rPh>
    <rPh sb="50" eb="52">
      <t>クミアイ</t>
    </rPh>
    <rPh sb="52" eb="55">
      <t>フジンブ</t>
    </rPh>
    <rPh sb="56" eb="58">
      <t>モクタン</t>
    </rPh>
    <rPh sb="59" eb="61">
      <t>キョウドウ</t>
    </rPh>
    <rPh sb="61" eb="63">
      <t>コウニュウ</t>
    </rPh>
    <phoneticPr fontId="2"/>
  </si>
  <si>
    <t>西牟婁・田辺版　暖地園芸すすむ　ビニールハウスに明るい見通し</t>
    <rPh sb="0" eb="3">
      <t>ニシムロ</t>
    </rPh>
    <rPh sb="4" eb="6">
      <t>タナベ</t>
    </rPh>
    <rPh sb="6" eb="7">
      <t>バン</t>
    </rPh>
    <rPh sb="8" eb="10">
      <t>ダンチ</t>
    </rPh>
    <rPh sb="10" eb="12">
      <t>エンゲイ</t>
    </rPh>
    <rPh sb="24" eb="25">
      <t>アカ</t>
    </rPh>
    <rPh sb="27" eb="29">
      <t>ミトオ</t>
    </rPh>
    <phoneticPr fontId="2"/>
  </si>
  <si>
    <t>西牟婁・田辺版　アラフラ海から採貝船団帰る（写真　帰港した採貝船団）</t>
    <rPh sb="0" eb="3">
      <t>ニシムロ</t>
    </rPh>
    <rPh sb="4" eb="6">
      <t>タナベ</t>
    </rPh>
    <rPh sb="6" eb="7">
      <t>バン</t>
    </rPh>
    <rPh sb="12" eb="13">
      <t>カイ</t>
    </rPh>
    <rPh sb="15" eb="16">
      <t>サイ</t>
    </rPh>
    <rPh sb="16" eb="17">
      <t>カイ</t>
    </rPh>
    <rPh sb="17" eb="19">
      <t>センダン</t>
    </rPh>
    <rPh sb="19" eb="20">
      <t>カエ</t>
    </rPh>
    <rPh sb="22" eb="24">
      <t>シャシン</t>
    </rPh>
    <rPh sb="25" eb="27">
      <t>キコウ</t>
    </rPh>
    <rPh sb="29" eb="30">
      <t>サイ</t>
    </rPh>
    <rPh sb="30" eb="31">
      <t>カイ</t>
    </rPh>
    <rPh sb="31" eb="33">
      <t>センダン</t>
    </rPh>
    <phoneticPr fontId="2"/>
  </si>
  <si>
    <t>西牟婁・田辺版　中小企業に特別融資</t>
    <rPh sb="0" eb="3">
      <t>ニシムロ</t>
    </rPh>
    <rPh sb="4" eb="6">
      <t>タナベ</t>
    </rPh>
    <rPh sb="6" eb="7">
      <t>バン</t>
    </rPh>
    <rPh sb="8" eb="12">
      <t>チュウショウキギョウ</t>
    </rPh>
    <rPh sb="13" eb="15">
      <t>トクベツ</t>
    </rPh>
    <rPh sb="15" eb="17">
      <t>ユウシ</t>
    </rPh>
    <phoneticPr fontId="2"/>
  </si>
  <si>
    <t>西牟婁・田辺版　救馬谷禁猟区設定さる</t>
    <rPh sb="0" eb="3">
      <t>ニシムロ</t>
    </rPh>
    <rPh sb="4" eb="6">
      <t>タナベ</t>
    </rPh>
    <rPh sb="6" eb="7">
      <t>バン</t>
    </rPh>
    <rPh sb="8" eb="9">
      <t>スク</t>
    </rPh>
    <rPh sb="9" eb="10">
      <t>ウマ</t>
    </rPh>
    <rPh sb="10" eb="11">
      <t>タニ</t>
    </rPh>
    <rPh sb="11" eb="14">
      <t>キンリョウク</t>
    </rPh>
    <rPh sb="14" eb="16">
      <t>セッテイ</t>
    </rPh>
    <phoneticPr fontId="2"/>
  </si>
  <si>
    <t>西牟婁・田辺版　深林資源の開発へ　着々進む林道の開設</t>
    <rPh sb="0" eb="3">
      <t>ニシムロ</t>
    </rPh>
    <rPh sb="4" eb="6">
      <t>タナベ</t>
    </rPh>
    <rPh sb="6" eb="7">
      <t>バン</t>
    </rPh>
    <rPh sb="8" eb="10">
      <t>シンリン</t>
    </rPh>
    <rPh sb="10" eb="12">
      <t>シゲン</t>
    </rPh>
    <rPh sb="13" eb="15">
      <t>カイハツ</t>
    </rPh>
    <rPh sb="17" eb="19">
      <t>チャクチャク</t>
    </rPh>
    <rPh sb="19" eb="20">
      <t>スス</t>
    </rPh>
    <rPh sb="21" eb="23">
      <t>リンドウ</t>
    </rPh>
    <rPh sb="24" eb="26">
      <t>カイセツ</t>
    </rPh>
    <phoneticPr fontId="2"/>
  </si>
  <si>
    <t>西牟婁・田辺版　結核回復者に福音　潮岬に後保護施設</t>
    <rPh sb="0" eb="3">
      <t>ニシムロ</t>
    </rPh>
    <rPh sb="4" eb="6">
      <t>タナベ</t>
    </rPh>
    <rPh sb="6" eb="7">
      <t>バン</t>
    </rPh>
    <rPh sb="8" eb="10">
      <t>ケッカク</t>
    </rPh>
    <rPh sb="10" eb="13">
      <t>カイフクシャ</t>
    </rPh>
    <rPh sb="14" eb="16">
      <t>フクイン</t>
    </rPh>
    <rPh sb="17" eb="19">
      <t>シオノミサキ</t>
    </rPh>
    <rPh sb="20" eb="21">
      <t>アト</t>
    </rPh>
    <rPh sb="21" eb="23">
      <t>ホゴ</t>
    </rPh>
    <rPh sb="23" eb="25">
      <t>シセツ</t>
    </rPh>
    <phoneticPr fontId="2"/>
  </si>
  <si>
    <t>西牟婁・田辺版　歯科技工士は免許制に</t>
    <rPh sb="0" eb="3">
      <t>ニシムロ</t>
    </rPh>
    <rPh sb="4" eb="6">
      <t>タナベ</t>
    </rPh>
    <rPh sb="6" eb="7">
      <t>バン</t>
    </rPh>
    <phoneticPr fontId="2"/>
  </si>
  <si>
    <t>西牟婁・田辺版　狩猟者へおしらせ</t>
    <rPh sb="0" eb="3">
      <t>ニシムロ</t>
    </rPh>
    <rPh sb="4" eb="6">
      <t>タナベ</t>
    </rPh>
    <rPh sb="6" eb="7">
      <t>バン</t>
    </rPh>
    <rPh sb="8" eb="11">
      <t>シュリョウシャ</t>
    </rPh>
    <phoneticPr fontId="2"/>
  </si>
  <si>
    <t>西牟婁・田辺版　１２月１日→１２月３１日　年末警戒</t>
    <rPh sb="0" eb="3">
      <t>ニシムロ</t>
    </rPh>
    <rPh sb="4" eb="6">
      <t>タナベ</t>
    </rPh>
    <rPh sb="6" eb="7">
      <t>バン</t>
    </rPh>
    <phoneticPr fontId="2"/>
  </si>
  <si>
    <t>西牟婁・田辺版　１２月１６日～２１日　母子家庭作品展示即売会</t>
    <rPh sb="0" eb="3">
      <t>ニシムロ</t>
    </rPh>
    <rPh sb="4" eb="6">
      <t>タナベ</t>
    </rPh>
    <rPh sb="6" eb="7">
      <t>バン</t>
    </rPh>
    <phoneticPr fontId="2"/>
  </si>
  <si>
    <t>東牟婁・新宮版　熊野森林開発計画に四十七億を投入（写真　開発を待つ奥地森林）</t>
    <rPh sb="0" eb="3">
      <t>ヒガシムロ</t>
    </rPh>
    <rPh sb="4" eb="7">
      <t>シングウバン</t>
    </rPh>
    <rPh sb="8" eb="10">
      <t>クマノ</t>
    </rPh>
    <rPh sb="10" eb="12">
      <t>シンリン</t>
    </rPh>
    <rPh sb="12" eb="14">
      <t>カイハツ</t>
    </rPh>
    <rPh sb="14" eb="16">
      <t>ケイカク</t>
    </rPh>
    <rPh sb="17" eb="20">
      <t>47</t>
    </rPh>
    <rPh sb="20" eb="21">
      <t>オク</t>
    </rPh>
    <rPh sb="22" eb="24">
      <t>トウニュウ</t>
    </rPh>
    <rPh sb="25" eb="27">
      <t>シャシン</t>
    </rPh>
    <rPh sb="28" eb="30">
      <t>カイハツ</t>
    </rPh>
    <rPh sb="31" eb="32">
      <t>マ</t>
    </rPh>
    <rPh sb="33" eb="35">
      <t>オクチ</t>
    </rPh>
    <rPh sb="35" eb="37">
      <t>シンリン</t>
    </rPh>
    <phoneticPr fontId="2"/>
  </si>
  <si>
    <t>東牟婁・新宮版　歯科技工士は免許制に</t>
    <rPh sb="0" eb="3">
      <t>ヒガシムロ</t>
    </rPh>
    <rPh sb="4" eb="7">
      <t>シングウバン</t>
    </rPh>
    <phoneticPr fontId="2"/>
  </si>
  <si>
    <t>東牟婁・新宮版　新宮－大和高田線　第三期工事進む</t>
    <rPh sb="0" eb="3">
      <t>ヒガシムロ</t>
    </rPh>
    <rPh sb="4" eb="7">
      <t>シングウバン</t>
    </rPh>
    <rPh sb="8" eb="10">
      <t>シングウ</t>
    </rPh>
    <rPh sb="11" eb="15">
      <t>ヤマトタカダ</t>
    </rPh>
    <rPh sb="15" eb="16">
      <t>セン</t>
    </rPh>
    <rPh sb="17" eb="18">
      <t>ダイ</t>
    </rPh>
    <rPh sb="18" eb="19">
      <t>3</t>
    </rPh>
    <rPh sb="19" eb="20">
      <t>キ</t>
    </rPh>
    <rPh sb="20" eb="22">
      <t>コウジ</t>
    </rPh>
    <rPh sb="22" eb="23">
      <t>スス</t>
    </rPh>
    <phoneticPr fontId="2"/>
  </si>
  <si>
    <t>東牟婁・新宮版　町村めぐり　三里村</t>
    <rPh sb="0" eb="3">
      <t>ヒガシムロ</t>
    </rPh>
    <rPh sb="4" eb="7">
      <t>シングウバン</t>
    </rPh>
    <rPh sb="8" eb="10">
      <t>チョウソン</t>
    </rPh>
    <rPh sb="14" eb="15">
      <t>ミ</t>
    </rPh>
    <rPh sb="15" eb="16">
      <t>サト</t>
    </rPh>
    <rPh sb="16" eb="17">
      <t>ムラ</t>
    </rPh>
    <phoneticPr fontId="2"/>
  </si>
  <si>
    <t>東牟婁・新宮版　防疫に万全の備え　ジフテリア予防に全力</t>
    <rPh sb="0" eb="3">
      <t>ヒガシムロ</t>
    </rPh>
    <rPh sb="4" eb="7">
      <t>シングウバン</t>
    </rPh>
    <rPh sb="8" eb="10">
      <t>ボウエキ</t>
    </rPh>
    <rPh sb="11" eb="13">
      <t>バンゼン</t>
    </rPh>
    <rPh sb="14" eb="15">
      <t>ソナ</t>
    </rPh>
    <rPh sb="22" eb="24">
      <t>ヨボウ</t>
    </rPh>
    <rPh sb="25" eb="27">
      <t>ゼンリョク</t>
    </rPh>
    <phoneticPr fontId="2"/>
  </si>
  <si>
    <t>東牟婁・新宮版　中小企業に特別融資</t>
    <rPh sb="0" eb="3">
      <t>ヒガシムロ</t>
    </rPh>
    <rPh sb="4" eb="7">
      <t>シングウバン</t>
    </rPh>
    <phoneticPr fontId="2"/>
  </si>
  <si>
    <t>東牟婁・新宮版　人権週間に寄せて</t>
    <rPh sb="0" eb="3">
      <t>ヒガシムロ</t>
    </rPh>
    <rPh sb="4" eb="7">
      <t>シングウバン</t>
    </rPh>
    <rPh sb="8" eb="10">
      <t>ジンケン</t>
    </rPh>
    <rPh sb="10" eb="12">
      <t>シュウカン</t>
    </rPh>
    <rPh sb="13" eb="14">
      <t>ヨ</t>
    </rPh>
    <phoneticPr fontId="2"/>
  </si>
  <si>
    <t>東牟婁・新宮版　西向で改善料理講習会</t>
    <rPh sb="0" eb="3">
      <t>ヒガシムロ</t>
    </rPh>
    <rPh sb="4" eb="7">
      <t>シングウバン</t>
    </rPh>
    <rPh sb="8" eb="10">
      <t>ニシム</t>
    </rPh>
    <rPh sb="11" eb="13">
      <t>カイゼン</t>
    </rPh>
    <rPh sb="13" eb="15">
      <t>リョウリ</t>
    </rPh>
    <rPh sb="15" eb="18">
      <t>コウシュウカイ</t>
    </rPh>
    <phoneticPr fontId="2"/>
  </si>
  <si>
    <t>東牟婁・新宮版　１２月１日→１２月３１日　年末警戒</t>
    <rPh sb="0" eb="3">
      <t>ヒガシムロ</t>
    </rPh>
    <rPh sb="4" eb="7">
      <t>シングウバン</t>
    </rPh>
    <phoneticPr fontId="2"/>
  </si>
  <si>
    <t>東牟婁・新宮版　１２月１６日～２１日　母子家庭作品展示即売会</t>
    <rPh sb="0" eb="3">
      <t>ヒガシムロ</t>
    </rPh>
    <rPh sb="4" eb="7">
      <t>シングウバ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color theme="1"/>
      <name val="游ゴシック"/>
      <family val="3"/>
      <charset val="128"/>
      <scheme val="minor"/>
    </font>
    <font>
      <b/>
      <sz val="16"/>
      <color theme="1"/>
      <name val="ＭＳ Ｐゴシック"/>
      <family val="3"/>
      <charset val="128"/>
    </font>
    <font>
      <sz val="6"/>
      <name val="游ゴシック"/>
      <family val="3"/>
      <charset val="128"/>
      <scheme val="minor"/>
    </font>
    <font>
      <sz val="6"/>
      <name val="ＭＳ Ｐゴシック"/>
      <family val="3"/>
      <charset val="128"/>
    </font>
    <font>
      <sz val="9"/>
      <color theme="1"/>
      <name val="ＭＳ 明朝"/>
      <family val="1"/>
      <charset val="128"/>
    </font>
    <font>
      <sz val="11"/>
      <color theme="1"/>
      <name val="ＭＳ Ｐゴシック"/>
      <family val="3"/>
      <charset val="128"/>
    </font>
    <font>
      <sz val="8"/>
      <color theme="1"/>
      <name val="ＭＳ Ｐゴシック"/>
      <family val="3"/>
      <charset val="128"/>
    </font>
  </fonts>
  <fills count="3">
    <fill>
      <patternFill patternType="none"/>
    </fill>
    <fill>
      <patternFill patternType="gray125"/>
    </fill>
    <fill>
      <patternFill patternType="solid">
        <fgColor theme="0" tint="-4.9989318521683403E-2"/>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s>
  <cellStyleXfs count="1">
    <xf numFmtId="0" fontId="0" fillId="0" borderId="0">
      <alignment vertical="center"/>
    </xf>
  </cellStyleXfs>
  <cellXfs count="12">
    <xf numFmtId="0" fontId="0" fillId="0" borderId="0" xfId="0">
      <alignment vertical="center"/>
    </xf>
    <xf numFmtId="0" fontId="1" fillId="0" borderId="0" xfId="0" applyFont="1">
      <alignment vertical="center"/>
    </xf>
    <xf numFmtId="0" fontId="4" fillId="0" borderId="0" xfId="0" applyFont="1">
      <alignment vertical="center"/>
    </xf>
    <xf numFmtId="0" fontId="5" fillId="2" borderId="1" xfId="0" applyFont="1" applyFill="1" applyBorder="1" applyAlignment="1">
      <alignment horizontal="center" vertical="center"/>
    </xf>
    <xf numFmtId="0" fontId="5" fillId="2" borderId="1" xfId="0" applyFont="1" applyFill="1" applyBorder="1" applyAlignment="1">
      <alignment vertical="top" shrinkToFit="1"/>
    </xf>
    <xf numFmtId="0" fontId="5" fillId="0" borderId="1" xfId="0" applyFont="1" applyBorder="1" applyAlignment="1">
      <alignment vertical="top" wrapText="1"/>
    </xf>
    <xf numFmtId="0" fontId="5" fillId="0" borderId="1" xfId="0" applyFont="1" applyBorder="1">
      <alignment vertical="center"/>
    </xf>
    <xf numFmtId="0" fontId="5" fillId="0" borderId="1" xfId="0" applyFont="1" applyFill="1" applyBorder="1">
      <alignment vertical="center"/>
    </xf>
    <xf numFmtId="0" fontId="5" fillId="0" borderId="2" xfId="0" applyFont="1" applyFill="1" applyBorder="1" applyAlignment="1">
      <alignment vertical="top" wrapText="1"/>
    </xf>
    <xf numFmtId="0" fontId="0" fillId="0" borderId="1" xfId="0" applyFont="1" applyBorder="1" applyAlignment="1">
      <alignment vertical="top" wrapText="1"/>
    </xf>
    <xf numFmtId="0" fontId="0" fillId="0" borderId="1" xfId="0" applyFont="1" applyBorder="1">
      <alignment vertical="center"/>
    </xf>
    <xf numFmtId="0" fontId="4" fillId="0" borderId="0" xfId="0" applyFont="1" applyAlignment="1">
      <alignmen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3625DB-7AFE-4CC1-8488-AA2CC1C253F3}">
  <dimension ref="A2:G1291"/>
  <sheetViews>
    <sheetView tabSelected="1" zoomScaleNormal="100" workbookViewId="0">
      <selection activeCell="B5" sqref="B5"/>
    </sheetView>
  </sheetViews>
  <sheetFormatPr defaultRowHeight="11.25" x14ac:dyDescent="0.4"/>
  <cols>
    <col min="1" max="1" width="1.625" style="11" customWidth="1"/>
    <col min="2" max="2" width="69.25" style="2" customWidth="1"/>
    <col min="3" max="3" width="5.625" style="2" customWidth="1"/>
    <col min="4" max="6" width="3.625" style="2" customWidth="1"/>
    <col min="7" max="7" width="8.625" style="2" customWidth="1"/>
    <col min="8" max="16384" width="9" style="2"/>
  </cols>
  <sheetData>
    <row r="2" spans="2:7" ht="18.75" x14ac:dyDescent="0.4">
      <c r="B2" s="1" t="s">
        <v>0</v>
      </c>
    </row>
    <row r="4" spans="2:7" ht="13.5" customHeight="1" x14ac:dyDescent="0.4">
      <c r="B4" s="3" t="s">
        <v>1</v>
      </c>
      <c r="C4" s="4" t="s">
        <v>2</v>
      </c>
      <c r="D4" s="4" t="s">
        <v>3</v>
      </c>
      <c r="E4" s="4" t="s">
        <v>4</v>
      </c>
      <c r="F4" s="4" t="s">
        <v>5</v>
      </c>
      <c r="G4" s="4" t="s">
        <v>6</v>
      </c>
    </row>
    <row r="5" spans="2:7" ht="13.5" customHeight="1" x14ac:dyDescent="0.4">
      <c r="B5" s="5" t="s">
        <v>7</v>
      </c>
      <c r="C5" s="6" t="s">
        <v>8</v>
      </c>
      <c r="D5" s="6">
        <v>30</v>
      </c>
      <c r="E5" s="6">
        <v>1</v>
      </c>
      <c r="F5" s="6">
        <v>1</v>
      </c>
      <c r="G5" s="6">
        <v>210</v>
      </c>
    </row>
    <row r="6" spans="2:7" ht="13.5" customHeight="1" x14ac:dyDescent="0.4">
      <c r="B6" s="6" t="s">
        <v>9</v>
      </c>
      <c r="C6" s="6" t="s">
        <v>8</v>
      </c>
      <c r="D6" s="6">
        <v>30</v>
      </c>
      <c r="E6" s="6">
        <v>1</v>
      </c>
      <c r="F6" s="6">
        <v>1</v>
      </c>
      <c r="G6" s="6">
        <v>210</v>
      </c>
    </row>
    <row r="7" spans="2:7" ht="13.5" customHeight="1" x14ac:dyDescent="0.4">
      <c r="B7" s="6" t="s">
        <v>10</v>
      </c>
      <c r="C7" s="6" t="s">
        <v>8</v>
      </c>
      <c r="D7" s="6">
        <v>30</v>
      </c>
      <c r="E7" s="6">
        <v>1</v>
      </c>
      <c r="F7" s="6">
        <v>1</v>
      </c>
      <c r="G7" s="6">
        <v>210</v>
      </c>
    </row>
    <row r="8" spans="2:7" ht="13.5" customHeight="1" x14ac:dyDescent="0.4">
      <c r="B8" s="5" t="s">
        <v>11</v>
      </c>
      <c r="C8" s="6" t="s">
        <v>8</v>
      </c>
      <c r="D8" s="6">
        <v>30</v>
      </c>
      <c r="E8" s="6">
        <v>1</v>
      </c>
      <c r="F8" s="6">
        <v>1</v>
      </c>
      <c r="G8" s="6">
        <v>210</v>
      </c>
    </row>
    <row r="9" spans="2:7" ht="13.5" customHeight="1" x14ac:dyDescent="0.4">
      <c r="B9" s="7" t="s">
        <v>12</v>
      </c>
      <c r="C9" s="6" t="s">
        <v>8</v>
      </c>
      <c r="D9" s="6">
        <v>30</v>
      </c>
      <c r="E9" s="6">
        <v>1</v>
      </c>
      <c r="F9" s="6">
        <v>1</v>
      </c>
      <c r="G9" s="6">
        <v>210</v>
      </c>
    </row>
    <row r="10" spans="2:7" ht="13.5" customHeight="1" x14ac:dyDescent="0.4">
      <c r="B10" s="7" t="s">
        <v>13</v>
      </c>
      <c r="C10" s="6" t="s">
        <v>8</v>
      </c>
      <c r="D10" s="6">
        <v>30</v>
      </c>
      <c r="E10" s="6">
        <v>1</v>
      </c>
      <c r="F10" s="6">
        <v>1</v>
      </c>
      <c r="G10" s="6">
        <v>210</v>
      </c>
    </row>
    <row r="11" spans="2:7" ht="13.5" customHeight="1" x14ac:dyDescent="0.4">
      <c r="B11" s="7" t="s">
        <v>14</v>
      </c>
      <c r="C11" s="6" t="s">
        <v>8</v>
      </c>
      <c r="D11" s="6">
        <v>30</v>
      </c>
      <c r="E11" s="6">
        <v>1</v>
      </c>
      <c r="F11" s="6">
        <v>1</v>
      </c>
      <c r="G11" s="6">
        <v>210</v>
      </c>
    </row>
    <row r="12" spans="2:7" ht="13.5" customHeight="1" x14ac:dyDescent="0.4">
      <c r="B12" s="5" t="s">
        <v>15</v>
      </c>
      <c r="C12" s="6" t="s">
        <v>8</v>
      </c>
      <c r="D12" s="6">
        <v>30</v>
      </c>
      <c r="E12" s="6">
        <v>1</v>
      </c>
      <c r="F12" s="6">
        <v>1</v>
      </c>
      <c r="G12" s="6">
        <v>210</v>
      </c>
    </row>
    <row r="13" spans="2:7" ht="13.5" customHeight="1" x14ac:dyDescent="0.4">
      <c r="B13" s="7" t="s">
        <v>16</v>
      </c>
      <c r="C13" s="6" t="s">
        <v>8</v>
      </c>
      <c r="D13" s="6">
        <v>30</v>
      </c>
      <c r="E13" s="6">
        <v>1</v>
      </c>
      <c r="F13" s="6">
        <v>1</v>
      </c>
      <c r="G13" s="6">
        <v>210</v>
      </c>
    </row>
    <row r="14" spans="2:7" ht="13.5" customHeight="1" x14ac:dyDescent="0.4">
      <c r="B14" s="7" t="s">
        <v>17</v>
      </c>
      <c r="C14" s="6" t="s">
        <v>8</v>
      </c>
      <c r="D14" s="6">
        <v>30</v>
      </c>
      <c r="E14" s="6">
        <v>1</v>
      </c>
      <c r="F14" s="6">
        <v>1</v>
      </c>
      <c r="G14" s="6">
        <v>210</v>
      </c>
    </row>
    <row r="15" spans="2:7" ht="13.5" customHeight="1" x14ac:dyDescent="0.4">
      <c r="B15" s="7" t="s">
        <v>18</v>
      </c>
      <c r="C15" s="6" t="s">
        <v>8</v>
      </c>
      <c r="D15" s="6">
        <v>30</v>
      </c>
      <c r="E15" s="6">
        <v>1</v>
      </c>
      <c r="F15" s="6">
        <v>1</v>
      </c>
      <c r="G15" s="6">
        <v>210</v>
      </c>
    </row>
    <row r="16" spans="2:7" ht="13.5" customHeight="1" x14ac:dyDescent="0.4">
      <c r="B16" s="7" t="s">
        <v>19</v>
      </c>
      <c r="C16" s="6" t="s">
        <v>8</v>
      </c>
      <c r="D16" s="6">
        <v>30</v>
      </c>
      <c r="E16" s="6">
        <v>1</v>
      </c>
      <c r="F16" s="6">
        <v>1</v>
      </c>
      <c r="G16" s="6">
        <v>210</v>
      </c>
    </row>
    <row r="17" spans="2:7" ht="13.5" customHeight="1" x14ac:dyDescent="0.4">
      <c r="B17" s="7" t="s">
        <v>20</v>
      </c>
      <c r="C17" s="6" t="s">
        <v>8</v>
      </c>
      <c r="D17" s="6">
        <v>30</v>
      </c>
      <c r="E17" s="6">
        <v>1</v>
      </c>
      <c r="F17" s="6">
        <v>1</v>
      </c>
      <c r="G17" s="6">
        <v>210</v>
      </c>
    </row>
    <row r="18" spans="2:7" ht="13.5" customHeight="1" x14ac:dyDescent="0.4">
      <c r="B18" s="7" t="s">
        <v>21</v>
      </c>
      <c r="C18" s="6" t="s">
        <v>8</v>
      </c>
      <c r="D18" s="6">
        <v>30</v>
      </c>
      <c r="E18" s="6">
        <v>1</v>
      </c>
      <c r="F18" s="6">
        <v>1</v>
      </c>
      <c r="G18" s="6">
        <v>210</v>
      </c>
    </row>
    <row r="19" spans="2:7" ht="13.5" customHeight="1" x14ac:dyDescent="0.4">
      <c r="B19" s="5" t="s">
        <v>22</v>
      </c>
      <c r="C19" s="6" t="s">
        <v>8</v>
      </c>
      <c r="D19" s="6">
        <v>30</v>
      </c>
      <c r="E19" s="6">
        <v>1</v>
      </c>
      <c r="F19" s="6">
        <v>1</v>
      </c>
      <c r="G19" s="6">
        <v>210</v>
      </c>
    </row>
    <row r="20" spans="2:7" ht="13.5" customHeight="1" x14ac:dyDescent="0.4">
      <c r="B20" s="5" t="s">
        <v>23</v>
      </c>
      <c r="C20" s="6" t="s">
        <v>8</v>
      </c>
      <c r="D20" s="6">
        <v>30</v>
      </c>
      <c r="E20" s="6">
        <v>1</v>
      </c>
      <c r="F20" s="6">
        <v>1</v>
      </c>
      <c r="G20" s="6">
        <v>210</v>
      </c>
    </row>
    <row r="21" spans="2:7" ht="13.5" customHeight="1" x14ac:dyDescent="0.4">
      <c r="B21" s="5" t="s">
        <v>24</v>
      </c>
      <c r="C21" s="6" t="s">
        <v>8</v>
      </c>
      <c r="D21" s="6">
        <v>30</v>
      </c>
      <c r="E21" s="6">
        <v>1</v>
      </c>
      <c r="F21" s="6">
        <v>1</v>
      </c>
      <c r="G21" s="6">
        <v>210</v>
      </c>
    </row>
    <row r="22" spans="2:7" ht="13.5" customHeight="1" x14ac:dyDescent="0.4">
      <c r="B22" s="5" t="s">
        <v>25</v>
      </c>
      <c r="C22" s="6" t="s">
        <v>8</v>
      </c>
      <c r="D22" s="6">
        <v>30</v>
      </c>
      <c r="E22" s="6">
        <v>1</v>
      </c>
      <c r="F22" s="6">
        <v>1</v>
      </c>
      <c r="G22" s="6">
        <v>210</v>
      </c>
    </row>
    <row r="23" spans="2:7" ht="13.5" customHeight="1" x14ac:dyDescent="0.4">
      <c r="B23" s="5" t="s">
        <v>26</v>
      </c>
      <c r="C23" s="6" t="s">
        <v>8</v>
      </c>
      <c r="D23" s="6">
        <v>30</v>
      </c>
      <c r="E23" s="6">
        <v>1</v>
      </c>
      <c r="F23" s="6">
        <v>1</v>
      </c>
      <c r="G23" s="6">
        <v>210</v>
      </c>
    </row>
    <row r="24" spans="2:7" ht="13.5" customHeight="1" x14ac:dyDescent="0.4">
      <c r="B24" s="5" t="s">
        <v>27</v>
      </c>
      <c r="C24" s="6" t="s">
        <v>8</v>
      </c>
      <c r="D24" s="6">
        <v>30</v>
      </c>
      <c r="E24" s="6">
        <v>1</v>
      </c>
      <c r="F24" s="6">
        <v>1</v>
      </c>
      <c r="G24" s="6">
        <v>210</v>
      </c>
    </row>
    <row r="25" spans="2:7" ht="13.5" customHeight="1" x14ac:dyDescent="0.4">
      <c r="B25" s="5" t="s">
        <v>28</v>
      </c>
      <c r="C25" s="6" t="s">
        <v>8</v>
      </c>
      <c r="D25" s="6">
        <v>30</v>
      </c>
      <c r="E25" s="6">
        <v>1</v>
      </c>
      <c r="F25" s="6">
        <v>1</v>
      </c>
      <c r="G25" s="6">
        <v>210</v>
      </c>
    </row>
    <row r="26" spans="2:7" ht="13.5" customHeight="1" x14ac:dyDescent="0.4">
      <c r="B26" s="5" t="s">
        <v>29</v>
      </c>
      <c r="C26" s="6" t="s">
        <v>8</v>
      </c>
      <c r="D26" s="6">
        <v>30</v>
      </c>
      <c r="E26" s="6">
        <v>1</v>
      </c>
      <c r="F26" s="6">
        <v>1</v>
      </c>
      <c r="G26" s="6">
        <v>210</v>
      </c>
    </row>
    <row r="27" spans="2:7" ht="13.5" customHeight="1" x14ac:dyDescent="0.4">
      <c r="B27" s="5" t="s">
        <v>30</v>
      </c>
      <c r="C27" s="6" t="s">
        <v>8</v>
      </c>
      <c r="D27" s="6">
        <v>30</v>
      </c>
      <c r="E27" s="6">
        <v>1</v>
      </c>
      <c r="F27" s="6">
        <v>1</v>
      </c>
      <c r="G27" s="6">
        <v>210</v>
      </c>
    </row>
    <row r="28" spans="2:7" ht="13.5" customHeight="1" x14ac:dyDescent="0.4">
      <c r="B28" s="5" t="s">
        <v>31</v>
      </c>
      <c r="C28" s="6" t="s">
        <v>8</v>
      </c>
      <c r="D28" s="6">
        <v>30</v>
      </c>
      <c r="E28" s="6">
        <v>1</v>
      </c>
      <c r="F28" s="6">
        <v>1</v>
      </c>
      <c r="G28" s="6">
        <v>210</v>
      </c>
    </row>
    <row r="29" spans="2:7" ht="13.5" customHeight="1" x14ac:dyDescent="0.4">
      <c r="B29" s="5" t="s">
        <v>32</v>
      </c>
      <c r="C29" s="6" t="s">
        <v>8</v>
      </c>
      <c r="D29" s="6">
        <v>30</v>
      </c>
      <c r="E29" s="6">
        <v>1</v>
      </c>
      <c r="F29" s="6">
        <v>1</v>
      </c>
      <c r="G29" s="6">
        <v>210</v>
      </c>
    </row>
    <row r="30" spans="2:7" ht="13.5" customHeight="1" x14ac:dyDescent="0.4">
      <c r="B30" s="5" t="s">
        <v>33</v>
      </c>
      <c r="C30" s="6" t="s">
        <v>8</v>
      </c>
      <c r="D30" s="6">
        <v>30</v>
      </c>
      <c r="E30" s="6">
        <v>1</v>
      </c>
      <c r="F30" s="6">
        <v>1</v>
      </c>
      <c r="G30" s="6">
        <v>210</v>
      </c>
    </row>
    <row r="31" spans="2:7" ht="13.5" customHeight="1" x14ac:dyDescent="0.4">
      <c r="B31" s="5" t="s">
        <v>34</v>
      </c>
      <c r="C31" s="6" t="s">
        <v>8</v>
      </c>
      <c r="D31" s="6">
        <v>30</v>
      </c>
      <c r="E31" s="6">
        <v>1</v>
      </c>
      <c r="F31" s="6">
        <v>1</v>
      </c>
      <c r="G31" s="6">
        <v>210</v>
      </c>
    </row>
    <row r="32" spans="2:7" ht="13.5" customHeight="1" x14ac:dyDescent="0.4">
      <c r="B32" s="5" t="s">
        <v>35</v>
      </c>
      <c r="C32" s="6" t="s">
        <v>8</v>
      </c>
      <c r="D32" s="6">
        <v>30</v>
      </c>
      <c r="E32" s="6">
        <v>1</v>
      </c>
      <c r="F32" s="6">
        <v>1</v>
      </c>
      <c r="G32" s="6">
        <v>210</v>
      </c>
    </row>
    <row r="33" spans="2:7" ht="13.5" customHeight="1" x14ac:dyDescent="0.4">
      <c r="B33" s="5" t="s">
        <v>36</v>
      </c>
      <c r="C33" s="6" t="s">
        <v>8</v>
      </c>
      <c r="D33" s="6">
        <v>30</v>
      </c>
      <c r="E33" s="6">
        <v>1</v>
      </c>
      <c r="F33" s="6">
        <v>1</v>
      </c>
      <c r="G33" s="6">
        <v>210</v>
      </c>
    </row>
    <row r="34" spans="2:7" ht="13.5" customHeight="1" x14ac:dyDescent="0.4">
      <c r="B34" s="5" t="s">
        <v>37</v>
      </c>
      <c r="C34" s="6" t="s">
        <v>8</v>
      </c>
      <c r="D34" s="6">
        <v>30</v>
      </c>
      <c r="E34" s="6">
        <v>1</v>
      </c>
      <c r="F34" s="6">
        <v>1</v>
      </c>
      <c r="G34" s="6">
        <v>210</v>
      </c>
    </row>
    <row r="35" spans="2:7" ht="13.5" customHeight="1" x14ac:dyDescent="0.4">
      <c r="B35" s="5" t="s">
        <v>38</v>
      </c>
      <c r="C35" s="6" t="s">
        <v>8</v>
      </c>
      <c r="D35" s="6">
        <v>30</v>
      </c>
      <c r="E35" s="6">
        <v>1</v>
      </c>
      <c r="F35" s="6">
        <v>1</v>
      </c>
      <c r="G35" s="6">
        <v>210</v>
      </c>
    </row>
    <row r="36" spans="2:7" ht="13.5" customHeight="1" x14ac:dyDescent="0.4">
      <c r="B36" s="5" t="s">
        <v>39</v>
      </c>
      <c r="C36" s="6" t="s">
        <v>8</v>
      </c>
      <c r="D36" s="6">
        <v>30</v>
      </c>
      <c r="E36" s="6">
        <v>1</v>
      </c>
      <c r="F36" s="6">
        <v>1</v>
      </c>
      <c r="G36" s="6">
        <v>210</v>
      </c>
    </row>
    <row r="37" spans="2:7" ht="13.5" customHeight="1" x14ac:dyDescent="0.4">
      <c r="B37" s="5" t="s">
        <v>40</v>
      </c>
      <c r="C37" s="6" t="s">
        <v>8</v>
      </c>
      <c r="D37" s="6">
        <v>30</v>
      </c>
      <c r="E37" s="6">
        <v>1</v>
      </c>
      <c r="F37" s="6">
        <v>1</v>
      </c>
      <c r="G37" s="6">
        <v>210</v>
      </c>
    </row>
    <row r="38" spans="2:7" ht="13.5" customHeight="1" x14ac:dyDescent="0.4">
      <c r="B38" s="5" t="s">
        <v>41</v>
      </c>
      <c r="C38" s="6" t="s">
        <v>8</v>
      </c>
      <c r="D38" s="6">
        <v>30</v>
      </c>
      <c r="E38" s="6">
        <v>1</v>
      </c>
      <c r="F38" s="6">
        <v>1</v>
      </c>
      <c r="G38" s="6">
        <v>210</v>
      </c>
    </row>
    <row r="39" spans="2:7" ht="13.5" customHeight="1" x14ac:dyDescent="0.4">
      <c r="B39" s="5" t="s">
        <v>42</v>
      </c>
      <c r="C39" s="6" t="s">
        <v>8</v>
      </c>
      <c r="D39" s="6">
        <v>30</v>
      </c>
      <c r="E39" s="6">
        <v>1</v>
      </c>
      <c r="F39" s="6">
        <v>1</v>
      </c>
      <c r="G39" s="6">
        <v>210</v>
      </c>
    </row>
    <row r="40" spans="2:7" ht="13.5" customHeight="1" x14ac:dyDescent="0.4">
      <c r="B40" s="5" t="s">
        <v>43</v>
      </c>
      <c r="C40" s="6" t="s">
        <v>8</v>
      </c>
      <c r="D40" s="6">
        <v>30</v>
      </c>
      <c r="E40" s="6">
        <v>1</v>
      </c>
      <c r="F40" s="6">
        <v>1</v>
      </c>
      <c r="G40" s="6">
        <v>210</v>
      </c>
    </row>
    <row r="41" spans="2:7" ht="13.5" customHeight="1" x14ac:dyDescent="0.4">
      <c r="B41" s="5" t="s">
        <v>44</v>
      </c>
      <c r="C41" s="6" t="s">
        <v>8</v>
      </c>
      <c r="D41" s="6">
        <v>30</v>
      </c>
      <c r="E41" s="6">
        <v>1</v>
      </c>
      <c r="F41" s="6">
        <v>1</v>
      </c>
      <c r="G41" s="6">
        <v>210</v>
      </c>
    </row>
    <row r="42" spans="2:7" ht="13.5" customHeight="1" x14ac:dyDescent="0.4">
      <c r="B42" s="5" t="s">
        <v>45</v>
      </c>
      <c r="C42" s="6" t="s">
        <v>8</v>
      </c>
      <c r="D42" s="6">
        <v>30</v>
      </c>
      <c r="E42" s="6">
        <v>1</v>
      </c>
      <c r="F42" s="6">
        <v>1</v>
      </c>
      <c r="G42" s="6">
        <v>210</v>
      </c>
    </row>
    <row r="43" spans="2:7" ht="13.5" customHeight="1" x14ac:dyDescent="0.4">
      <c r="B43" s="5" t="s">
        <v>46</v>
      </c>
      <c r="C43" s="6" t="s">
        <v>8</v>
      </c>
      <c r="D43" s="6">
        <v>30</v>
      </c>
      <c r="E43" s="6">
        <v>1</v>
      </c>
      <c r="F43" s="6">
        <v>1</v>
      </c>
      <c r="G43" s="6">
        <v>210</v>
      </c>
    </row>
    <row r="44" spans="2:7" ht="13.5" customHeight="1" x14ac:dyDescent="0.4">
      <c r="B44" s="5" t="s">
        <v>47</v>
      </c>
      <c r="C44" s="6" t="s">
        <v>8</v>
      </c>
      <c r="D44" s="6">
        <v>30</v>
      </c>
      <c r="E44" s="6">
        <v>1</v>
      </c>
      <c r="F44" s="6">
        <v>1</v>
      </c>
      <c r="G44" s="6">
        <v>210</v>
      </c>
    </row>
    <row r="45" spans="2:7" ht="13.5" customHeight="1" x14ac:dyDescent="0.4">
      <c r="B45" s="5" t="s">
        <v>48</v>
      </c>
      <c r="C45" s="6" t="s">
        <v>8</v>
      </c>
      <c r="D45" s="6">
        <v>30</v>
      </c>
      <c r="E45" s="6">
        <v>1</v>
      </c>
      <c r="F45" s="6">
        <v>1</v>
      </c>
      <c r="G45" s="6">
        <v>210</v>
      </c>
    </row>
    <row r="46" spans="2:7" ht="13.5" customHeight="1" x14ac:dyDescent="0.4">
      <c r="B46" s="5" t="s">
        <v>49</v>
      </c>
      <c r="C46" s="6" t="s">
        <v>8</v>
      </c>
      <c r="D46" s="6">
        <v>30</v>
      </c>
      <c r="E46" s="6">
        <v>1</v>
      </c>
      <c r="F46" s="6">
        <v>1</v>
      </c>
      <c r="G46" s="6">
        <v>210</v>
      </c>
    </row>
    <row r="47" spans="2:7" ht="13.5" customHeight="1" x14ac:dyDescent="0.4">
      <c r="B47" s="5" t="s">
        <v>50</v>
      </c>
      <c r="C47" s="6" t="s">
        <v>8</v>
      </c>
      <c r="D47" s="6">
        <v>30</v>
      </c>
      <c r="E47" s="6">
        <v>1</v>
      </c>
      <c r="F47" s="6">
        <v>1</v>
      </c>
      <c r="G47" s="6">
        <v>210</v>
      </c>
    </row>
    <row r="48" spans="2:7" ht="13.5" customHeight="1" x14ac:dyDescent="0.4">
      <c r="B48" s="5" t="s">
        <v>51</v>
      </c>
      <c r="C48" s="6" t="s">
        <v>8</v>
      </c>
      <c r="D48" s="6">
        <v>30</v>
      </c>
      <c r="E48" s="6">
        <v>1</v>
      </c>
      <c r="F48" s="6">
        <v>1</v>
      </c>
      <c r="G48" s="6">
        <v>210</v>
      </c>
    </row>
    <row r="49" spans="2:7" ht="13.5" customHeight="1" x14ac:dyDescent="0.4">
      <c r="B49" s="5" t="s">
        <v>52</v>
      </c>
      <c r="C49" s="6" t="s">
        <v>8</v>
      </c>
      <c r="D49" s="6">
        <v>30</v>
      </c>
      <c r="E49" s="6">
        <v>1</v>
      </c>
      <c r="F49" s="6">
        <v>1</v>
      </c>
      <c r="G49" s="6">
        <v>210</v>
      </c>
    </row>
    <row r="50" spans="2:7" ht="13.5" customHeight="1" x14ac:dyDescent="0.4">
      <c r="B50" s="5" t="s">
        <v>53</v>
      </c>
      <c r="C50" s="6" t="s">
        <v>8</v>
      </c>
      <c r="D50" s="6">
        <v>30</v>
      </c>
      <c r="E50" s="6">
        <v>1</v>
      </c>
      <c r="F50" s="6">
        <v>1</v>
      </c>
      <c r="G50" s="6">
        <v>210</v>
      </c>
    </row>
    <row r="51" spans="2:7" ht="13.5" customHeight="1" x14ac:dyDescent="0.4">
      <c r="B51" s="5" t="s">
        <v>54</v>
      </c>
      <c r="C51" s="6" t="s">
        <v>8</v>
      </c>
      <c r="D51" s="6">
        <v>30</v>
      </c>
      <c r="E51" s="6">
        <v>1</v>
      </c>
      <c r="F51" s="6">
        <v>1</v>
      </c>
      <c r="G51" s="6">
        <v>210</v>
      </c>
    </row>
    <row r="52" spans="2:7" ht="13.5" customHeight="1" x14ac:dyDescent="0.4">
      <c r="B52" s="5" t="s">
        <v>55</v>
      </c>
      <c r="C52" s="6" t="s">
        <v>8</v>
      </c>
      <c r="D52" s="6">
        <v>30</v>
      </c>
      <c r="E52" s="6">
        <v>1</v>
      </c>
      <c r="F52" s="6">
        <v>1</v>
      </c>
      <c r="G52" s="6">
        <v>210</v>
      </c>
    </row>
    <row r="53" spans="2:7" ht="13.5" customHeight="1" x14ac:dyDescent="0.4">
      <c r="B53" s="5" t="s">
        <v>56</v>
      </c>
      <c r="C53" s="6" t="s">
        <v>8</v>
      </c>
      <c r="D53" s="6">
        <v>30</v>
      </c>
      <c r="E53" s="6">
        <v>1</v>
      </c>
      <c r="F53" s="6">
        <v>1</v>
      </c>
      <c r="G53" s="6">
        <v>210</v>
      </c>
    </row>
    <row r="54" spans="2:7" ht="13.5" customHeight="1" x14ac:dyDescent="0.4">
      <c r="B54" s="5" t="s">
        <v>57</v>
      </c>
      <c r="C54" s="6" t="s">
        <v>8</v>
      </c>
      <c r="D54" s="6">
        <v>30</v>
      </c>
      <c r="E54" s="6">
        <v>1</v>
      </c>
      <c r="F54" s="6">
        <v>1</v>
      </c>
      <c r="G54" s="6">
        <v>210</v>
      </c>
    </row>
    <row r="55" spans="2:7" ht="13.5" customHeight="1" x14ac:dyDescent="0.4">
      <c r="B55" s="5" t="s">
        <v>58</v>
      </c>
      <c r="C55" s="6" t="s">
        <v>8</v>
      </c>
      <c r="D55" s="6">
        <v>30</v>
      </c>
      <c r="E55" s="6">
        <v>1</v>
      </c>
      <c r="F55" s="6">
        <v>1</v>
      </c>
      <c r="G55" s="6">
        <v>210</v>
      </c>
    </row>
    <row r="56" spans="2:7" ht="13.5" customHeight="1" x14ac:dyDescent="0.4">
      <c r="B56" s="5" t="s">
        <v>59</v>
      </c>
      <c r="C56" s="6" t="s">
        <v>8</v>
      </c>
      <c r="D56" s="6">
        <v>30</v>
      </c>
      <c r="E56" s="6">
        <v>1</v>
      </c>
      <c r="F56" s="6">
        <v>1</v>
      </c>
      <c r="G56" s="6">
        <v>210</v>
      </c>
    </row>
    <row r="57" spans="2:7" ht="13.5" customHeight="1" x14ac:dyDescent="0.4">
      <c r="B57" s="5" t="s">
        <v>60</v>
      </c>
      <c r="C57" s="6" t="s">
        <v>8</v>
      </c>
      <c r="D57" s="6">
        <v>30</v>
      </c>
      <c r="E57" s="6">
        <v>1</v>
      </c>
      <c r="F57" s="6">
        <v>1</v>
      </c>
      <c r="G57" s="6">
        <v>210</v>
      </c>
    </row>
    <row r="58" spans="2:7" ht="13.5" customHeight="1" x14ac:dyDescent="0.4">
      <c r="B58" s="5" t="s">
        <v>61</v>
      </c>
      <c r="C58" s="6" t="s">
        <v>8</v>
      </c>
      <c r="D58" s="6">
        <v>30</v>
      </c>
      <c r="E58" s="6">
        <v>1</v>
      </c>
      <c r="F58" s="6">
        <v>1</v>
      </c>
      <c r="G58" s="6">
        <v>210</v>
      </c>
    </row>
    <row r="59" spans="2:7" ht="13.5" customHeight="1" x14ac:dyDescent="0.4">
      <c r="B59" s="5" t="s">
        <v>62</v>
      </c>
      <c r="C59" s="6" t="s">
        <v>8</v>
      </c>
      <c r="D59" s="6">
        <v>30</v>
      </c>
      <c r="E59" s="6">
        <v>1</v>
      </c>
      <c r="F59" s="6">
        <v>1</v>
      </c>
      <c r="G59" s="6">
        <v>210</v>
      </c>
    </row>
    <row r="60" spans="2:7" ht="13.5" customHeight="1" x14ac:dyDescent="0.4">
      <c r="B60" s="5" t="s">
        <v>63</v>
      </c>
      <c r="C60" s="6" t="s">
        <v>8</v>
      </c>
      <c r="D60" s="6">
        <v>30</v>
      </c>
      <c r="E60" s="6">
        <v>1</v>
      </c>
      <c r="F60" s="6">
        <v>1</v>
      </c>
      <c r="G60" s="6">
        <v>210</v>
      </c>
    </row>
    <row r="61" spans="2:7" ht="13.5" customHeight="1" x14ac:dyDescent="0.4">
      <c r="B61" s="5" t="s">
        <v>64</v>
      </c>
      <c r="C61" s="6" t="s">
        <v>8</v>
      </c>
      <c r="D61" s="6">
        <v>30</v>
      </c>
      <c r="E61" s="6">
        <v>1</v>
      </c>
      <c r="F61" s="6">
        <v>1</v>
      </c>
      <c r="G61" s="6">
        <v>210</v>
      </c>
    </row>
    <row r="62" spans="2:7" ht="13.5" customHeight="1" x14ac:dyDescent="0.4">
      <c r="B62" s="5" t="s">
        <v>65</v>
      </c>
      <c r="C62" s="6" t="s">
        <v>8</v>
      </c>
      <c r="D62" s="6">
        <v>30</v>
      </c>
      <c r="E62" s="6">
        <v>1</v>
      </c>
      <c r="F62" s="6">
        <v>1</v>
      </c>
      <c r="G62" s="6">
        <v>210</v>
      </c>
    </row>
    <row r="63" spans="2:7" ht="13.5" customHeight="1" x14ac:dyDescent="0.4">
      <c r="B63" s="5" t="s">
        <v>66</v>
      </c>
      <c r="C63" s="6" t="s">
        <v>8</v>
      </c>
      <c r="D63" s="6">
        <v>30</v>
      </c>
      <c r="E63" s="6">
        <v>1</v>
      </c>
      <c r="F63" s="6">
        <v>1</v>
      </c>
      <c r="G63" s="6">
        <v>210</v>
      </c>
    </row>
    <row r="64" spans="2:7" ht="13.5" customHeight="1" x14ac:dyDescent="0.4">
      <c r="B64" s="5" t="s">
        <v>67</v>
      </c>
      <c r="C64" s="6" t="s">
        <v>8</v>
      </c>
      <c r="D64" s="6">
        <v>30</v>
      </c>
      <c r="E64" s="6">
        <v>1</v>
      </c>
      <c r="F64" s="6">
        <v>1</v>
      </c>
      <c r="G64" s="6">
        <v>210</v>
      </c>
    </row>
    <row r="65" spans="2:7" ht="13.5" customHeight="1" x14ac:dyDescent="0.4">
      <c r="B65" s="5" t="s">
        <v>68</v>
      </c>
      <c r="C65" s="6" t="s">
        <v>8</v>
      </c>
      <c r="D65" s="6">
        <v>30</v>
      </c>
      <c r="E65" s="6">
        <v>1</v>
      </c>
      <c r="F65" s="6">
        <v>1</v>
      </c>
      <c r="G65" s="6">
        <v>210</v>
      </c>
    </row>
    <row r="66" spans="2:7" ht="13.5" customHeight="1" x14ac:dyDescent="0.4">
      <c r="B66" s="5" t="s">
        <v>69</v>
      </c>
      <c r="C66" s="6" t="s">
        <v>8</v>
      </c>
      <c r="D66" s="6">
        <v>30</v>
      </c>
      <c r="E66" s="6">
        <v>1</v>
      </c>
      <c r="F66" s="6">
        <v>1</v>
      </c>
      <c r="G66" s="6">
        <v>210</v>
      </c>
    </row>
    <row r="67" spans="2:7" ht="13.5" customHeight="1" x14ac:dyDescent="0.4">
      <c r="B67" s="5" t="s">
        <v>70</v>
      </c>
      <c r="C67" s="6" t="s">
        <v>8</v>
      </c>
      <c r="D67" s="6">
        <v>30</v>
      </c>
      <c r="E67" s="6">
        <v>1</v>
      </c>
      <c r="F67" s="6">
        <v>1</v>
      </c>
      <c r="G67" s="6">
        <v>210</v>
      </c>
    </row>
    <row r="68" spans="2:7" ht="13.5" customHeight="1" x14ac:dyDescent="0.4">
      <c r="B68" s="5" t="s">
        <v>71</v>
      </c>
      <c r="C68" s="6" t="s">
        <v>8</v>
      </c>
      <c r="D68" s="6">
        <v>30</v>
      </c>
      <c r="E68" s="6">
        <v>1</v>
      </c>
      <c r="F68" s="6">
        <v>1</v>
      </c>
      <c r="G68" s="6">
        <v>210</v>
      </c>
    </row>
    <row r="69" spans="2:7" ht="13.5" customHeight="1" x14ac:dyDescent="0.4">
      <c r="B69" s="5" t="s">
        <v>72</v>
      </c>
      <c r="C69" s="6" t="s">
        <v>8</v>
      </c>
      <c r="D69" s="6">
        <v>30</v>
      </c>
      <c r="E69" s="6">
        <v>1</v>
      </c>
      <c r="F69" s="6">
        <v>1</v>
      </c>
      <c r="G69" s="6">
        <v>210</v>
      </c>
    </row>
    <row r="70" spans="2:7" ht="13.5" customHeight="1" x14ac:dyDescent="0.4">
      <c r="B70" s="5" t="s">
        <v>73</v>
      </c>
      <c r="C70" s="6" t="s">
        <v>8</v>
      </c>
      <c r="D70" s="6">
        <v>30</v>
      </c>
      <c r="E70" s="6">
        <v>1</v>
      </c>
      <c r="F70" s="6">
        <v>1</v>
      </c>
      <c r="G70" s="6">
        <v>210</v>
      </c>
    </row>
    <row r="71" spans="2:7" ht="13.5" customHeight="1" x14ac:dyDescent="0.4">
      <c r="B71" s="5" t="s">
        <v>74</v>
      </c>
      <c r="C71" s="6" t="s">
        <v>8</v>
      </c>
      <c r="D71" s="6">
        <v>30</v>
      </c>
      <c r="E71" s="6">
        <v>1</v>
      </c>
      <c r="F71" s="6">
        <v>1</v>
      </c>
      <c r="G71" s="6">
        <v>210</v>
      </c>
    </row>
    <row r="72" spans="2:7" ht="13.5" customHeight="1" x14ac:dyDescent="0.4">
      <c r="B72" s="5" t="s">
        <v>75</v>
      </c>
      <c r="C72" s="6" t="s">
        <v>8</v>
      </c>
      <c r="D72" s="6">
        <v>30</v>
      </c>
      <c r="E72" s="6">
        <v>1</v>
      </c>
      <c r="F72" s="6">
        <v>1</v>
      </c>
      <c r="G72" s="6">
        <v>210</v>
      </c>
    </row>
    <row r="73" spans="2:7" ht="13.5" customHeight="1" x14ac:dyDescent="0.4">
      <c r="B73" s="5" t="s">
        <v>76</v>
      </c>
      <c r="C73" s="6" t="s">
        <v>8</v>
      </c>
      <c r="D73" s="6">
        <v>30</v>
      </c>
      <c r="E73" s="6">
        <v>1</v>
      </c>
      <c r="F73" s="6">
        <v>1</v>
      </c>
      <c r="G73" s="6">
        <v>210</v>
      </c>
    </row>
    <row r="74" spans="2:7" ht="13.5" customHeight="1" x14ac:dyDescent="0.4">
      <c r="B74" s="5" t="s">
        <v>77</v>
      </c>
      <c r="C74" s="6" t="s">
        <v>8</v>
      </c>
      <c r="D74" s="6">
        <v>30</v>
      </c>
      <c r="E74" s="6">
        <v>1</v>
      </c>
      <c r="F74" s="6">
        <v>1</v>
      </c>
      <c r="G74" s="6">
        <v>210</v>
      </c>
    </row>
    <row r="75" spans="2:7" ht="13.5" customHeight="1" x14ac:dyDescent="0.4">
      <c r="B75" s="5" t="s">
        <v>78</v>
      </c>
      <c r="C75" s="6" t="s">
        <v>8</v>
      </c>
      <c r="D75" s="6">
        <v>30</v>
      </c>
      <c r="E75" s="6">
        <v>1</v>
      </c>
      <c r="F75" s="6">
        <v>1</v>
      </c>
      <c r="G75" s="6">
        <v>210</v>
      </c>
    </row>
    <row r="76" spans="2:7" ht="13.5" customHeight="1" x14ac:dyDescent="0.4">
      <c r="B76" s="5" t="s">
        <v>79</v>
      </c>
      <c r="C76" s="6" t="s">
        <v>8</v>
      </c>
      <c r="D76" s="6">
        <v>30</v>
      </c>
      <c r="E76" s="6">
        <v>1</v>
      </c>
      <c r="F76" s="6">
        <v>1</v>
      </c>
      <c r="G76" s="6">
        <v>210</v>
      </c>
    </row>
    <row r="77" spans="2:7" ht="13.5" customHeight="1" x14ac:dyDescent="0.4">
      <c r="B77" s="5" t="s">
        <v>80</v>
      </c>
      <c r="C77" s="6" t="s">
        <v>8</v>
      </c>
      <c r="D77" s="6">
        <v>30</v>
      </c>
      <c r="E77" s="6">
        <v>1</v>
      </c>
      <c r="F77" s="6">
        <v>1</v>
      </c>
      <c r="G77" s="6">
        <v>210</v>
      </c>
    </row>
    <row r="78" spans="2:7" ht="13.5" customHeight="1" x14ac:dyDescent="0.4">
      <c r="B78" s="5" t="s">
        <v>81</v>
      </c>
      <c r="C78" s="6" t="s">
        <v>8</v>
      </c>
      <c r="D78" s="6">
        <v>30</v>
      </c>
      <c r="E78" s="6">
        <v>1</v>
      </c>
      <c r="F78" s="6">
        <v>1</v>
      </c>
      <c r="G78" s="6">
        <v>210</v>
      </c>
    </row>
    <row r="79" spans="2:7" ht="13.5" customHeight="1" x14ac:dyDescent="0.4">
      <c r="B79" s="5" t="s">
        <v>82</v>
      </c>
      <c r="C79" s="6" t="s">
        <v>8</v>
      </c>
      <c r="D79" s="6">
        <v>30</v>
      </c>
      <c r="E79" s="6">
        <v>1</v>
      </c>
      <c r="F79" s="6">
        <v>1</v>
      </c>
      <c r="G79" s="6">
        <v>210</v>
      </c>
    </row>
    <row r="80" spans="2:7" ht="13.5" customHeight="1" x14ac:dyDescent="0.4">
      <c r="B80" s="5" t="s">
        <v>83</v>
      </c>
      <c r="C80" s="6" t="s">
        <v>8</v>
      </c>
      <c r="D80" s="6">
        <v>30</v>
      </c>
      <c r="E80" s="6">
        <v>1</v>
      </c>
      <c r="F80" s="6">
        <v>1</v>
      </c>
      <c r="G80" s="6">
        <v>210</v>
      </c>
    </row>
    <row r="81" spans="2:7" ht="13.5" customHeight="1" x14ac:dyDescent="0.4">
      <c r="B81" s="5" t="s">
        <v>84</v>
      </c>
      <c r="C81" s="6" t="s">
        <v>8</v>
      </c>
      <c r="D81" s="6">
        <v>30</v>
      </c>
      <c r="E81" s="6">
        <v>1</v>
      </c>
      <c r="F81" s="6">
        <v>1</v>
      </c>
      <c r="G81" s="6">
        <v>210</v>
      </c>
    </row>
    <row r="82" spans="2:7" ht="13.5" customHeight="1" x14ac:dyDescent="0.4">
      <c r="B82" s="5" t="s">
        <v>85</v>
      </c>
      <c r="C82" s="6" t="s">
        <v>8</v>
      </c>
      <c r="D82" s="6">
        <v>30</v>
      </c>
      <c r="E82" s="6">
        <v>1</v>
      </c>
      <c r="F82" s="6">
        <v>1</v>
      </c>
      <c r="G82" s="6">
        <v>210</v>
      </c>
    </row>
    <row r="83" spans="2:7" ht="13.5" customHeight="1" x14ac:dyDescent="0.4">
      <c r="B83" s="5" t="s">
        <v>86</v>
      </c>
      <c r="C83" s="6" t="s">
        <v>8</v>
      </c>
      <c r="D83" s="6">
        <v>30</v>
      </c>
      <c r="E83" s="6">
        <v>1</v>
      </c>
      <c r="F83" s="6">
        <v>1</v>
      </c>
      <c r="G83" s="6">
        <v>210</v>
      </c>
    </row>
    <row r="84" spans="2:7" ht="13.5" customHeight="1" x14ac:dyDescent="0.4">
      <c r="B84" s="5" t="s">
        <v>87</v>
      </c>
      <c r="C84" s="6" t="s">
        <v>8</v>
      </c>
      <c r="D84" s="6">
        <v>30</v>
      </c>
      <c r="E84" s="6">
        <v>1</v>
      </c>
      <c r="F84" s="6">
        <v>1</v>
      </c>
      <c r="G84" s="6">
        <v>210</v>
      </c>
    </row>
    <row r="85" spans="2:7" ht="13.5" customHeight="1" x14ac:dyDescent="0.4">
      <c r="B85" s="5" t="s">
        <v>88</v>
      </c>
      <c r="C85" s="6" t="s">
        <v>8</v>
      </c>
      <c r="D85" s="6">
        <v>30</v>
      </c>
      <c r="E85" s="6">
        <v>1</v>
      </c>
      <c r="F85" s="6">
        <v>1</v>
      </c>
      <c r="G85" s="6">
        <v>210</v>
      </c>
    </row>
    <row r="86" spans="2:7" ht="13.5" customHeight="1" x14ac:dyDescent="0.4">
      <c r="B86" s="5" t="s">
        <v>89</v>
      </c>
      <c r="C86" s="6" t="s">
        <v>8</v>
      </c>
      <c r="D86" s="6">
        <v>30</v>
      </c>
      <c r="E86" s="6">
        <v>1</v>
      </c>
      <c r="F86" s="6">
        <v>1</v>
      </c>
      <c r="G86" s="6">
        <v>210</v>
      </c>
    </row>
    <row r="87" spans="2:7" ht="13.5" customHeight="1" x14ac:dyDescent="0.4">
      <c r="B87" s="5" t="s">
        <v>90</v>
      </c>
      <c r="C87" s="6" t="s">
        <v>8</v>
      </c>
      <c r="D87" s="6">
        <v>30</v>
      </c>
      <c r="E87" s="6">
        <v>1</v>
      </c>
      <c r="F87" s="6">
        <v>1</v>
      </c>
      <c r="G87" s="6">
        <v>210</v>
      </c>
    </row>
    <row r="88" spans="2:7" ht="13.5" customHeight="1" x14ac:dyDescent="0.4">
      <c r="B88" s="5" t="s">
        <v>91</v>
      </c>
      <c r="C88" s="6" t="s">
        <v>8</v>
      </c>
      <c r="D88" s="6">
        <v>30</v>
      </c>
      <c r="E88" s="6">
        <v>1</v>
      </c>
      <c r="F88" s="6">
        <v>1</v>
      </c>
      <c r="G88" s="6">
        <v>210</v>
      </c>
    </row>
    <row r="89" spans="2:7" ht="13.5" customHeight="1" x14ac:dyDescent="0.4">
      <c r="B89" s="5" t="s">
        <v>92</v>
      </c>
      <c r="C89" s="6" t="s">
        <v>8</v>
      </c>
      <c r="D89" s="6">
        <v>30</v>
      </c>
      <c r="E89" s="6">
        <v>1</v>
      </c>
      <c r="F89" s="6">
        <v>1</v>
      </c>
      <c r="G89" s="6">
        <v>210</v>
      </c>
    </row>
    <row r="90" spans="2:7" ht="13.5" customHeight="1" x14ac:dyDescent="0.4">
      <c r="B90" s="5" t="s">
        <v>93</v>
      </c>
      <c r="C90" s="6" t="s">
        <v>8</v>
      </c>
      <c r="D90" s="6">
        <v>30</v>
      </c>
      <c r="E90" s="6">
        <v>1</v>
      </c>
      <c r="F90" s="6">
        <v>1</v>
      </c>
      <c r="G90" s="6">
        <v>210</v>
      </c>
    </row>
    <row r="91" spans="2:7" ht="13.5" customHeight="1" x14ac:dyDescent="0.4">
      <c r="B91" s="5" t="s">
        <v>94</v>
      </c>
      <c r="C91" s="6" t="s">
        <v>8</v>
      </c>
      <c r="D91" s="6">
        <v>30</v>
      </c>
      <c r="E91" s="6">
        <v>1</v>
      </c>
      <c r="F91" s="6">
        <v>1</v>
      </c>
      <c r="G91" s="6">
        <v>210</v>
      </c>
    </row>
    <row r="92" spans="2:7" ht="13.5" customHeight="1" x14ac:dyDescent="0.4">
      <c r="B92" s="5" t="s">
        <v>95</v>
      </c>
      <c r="C92" s="6" t="s">
        <v>8</v>
      </c>
      <c r="D92" s="6">
        <v>30</v>
      </c>
      <c r="E92" s="6">
        <v>1</v>
      </c>
      <c r="F92" s="6">
        <v>1</v>
      </c>
      <c r="G92" s="6">
        <v>210</v>
      </c>
    </row>
    <row r="93" spans="2:7" ht="13.5" customHeight="1" x14ac:dyDescent="0.4">
      <c r="B93" s="5" t="s">
        <v>96</v>
      </c>
      <c r="C93" s="6" t="s">
        <v>8</v>
      </c>
      <c r="D93" s="6">
        <v>30</v>
      </c>
      <c r="E93" s="6">
        <v>1</v>
      </c>
      <c r="F93" s="6">
        <v>1</v>
      </c>
      <c r="G93" s="6">
        <v>210</v>
      </c>
    </row>
    <row r="94" spans="2:7" ht="13.5" customHeight="1" x14ac:dyDescent="0.4">
      <c r="B94" s="5" t="s">
        <v>97</v>
      </c>
      <c r="C94" s="6" t="s">
        <v>8</v>
      </c>
      <c r="D94" s="6">
        <v>30</v>
      </c>
      <c r="E94" s="6">
        <v>1</v>
      </c>
      <c r="F94" s="6">
        <v>1</v>
      </c>
      <c r="G94" s="6">
        <v>210</v>
      </c>
    </row>
    <row r="95" spans="2:7" ht="13.5" customHeight="1" x14ac:dyDescent="0.4">
      <c r="B95" s="5" t="s">
        <v>98</v>
      </c>
      <c r="C95" s="6" t="s">
        <v>8</v>
      </c>
      <c r="D95" s="6">
        <v>30</v>
      </c>
      <c r="E95" s="6">
        <v>1</v>
      </c>
      <c r="F95" s="6">
        <v>1</v>
      </c>
      <c r="G95" s="6">
        <v>210</v>
      </c>
    </row>
    <row r="96" spans="2:7" ht="13.5" customHeight="1" x14ac:dyDescent="0.4">
      <c r="B96" s="5" t="s">
        <v>99</v>
      </c>
      <c r="C96" s="6" t="s">
        <v>8</v>
      </c>
      <c r="D96" s="6">
        <v>30</v>
      </c>
      <c r="E96" s="6">
        <v>1</v>
      </c>
      <c r="F96" s="6">
        <v>1</v>
      </c>
      <c r="G96" s="6">
        <v>210</v>
      </c>
    </row>
    <row r="97" spans="2:7" ht="13.5" customHeight="1" x14ac:dyDescent="0.4">
      <c r="B97" s="5" t="s">
        <v>100</v>
      </c>
      <c r="C97" s="6" t="s">
        <v>8</v>
      </c>
      <c r="D97" s="6">
        <v>30</v>
      </c>
      <c r="E97" s="6">
        <v>1</v>
      </c>
      <c r="F97" s="6">
        <v>1</v>
      </c>
      <c r="G97" s="6">
        <v>210</v>
      </c>
    </row>
    <row r="98" spans="2:7" ht="13.5" customHeight="1" x14ac:dyDescent="0.4">
      <c r="B98" s="5" t="s">
        <v>101</v>
      </c>
      <c r="C98" s="6" t="s">
        <v>8</v>
      </c>
      <c r="D98" s="6">
        <v>30</v>
      </c>
      <c r="E98" s="6">
        <v>1</v>
      </c>
      <c r="F98" s="6">
        <v>1</v>
      </c>
      <c r="G98" s="6">
        <v>210</v>
      </c>
    </row>
    <row r="99" spans="2:7" ht="13.5" customHeight="1" x14ac:dyDescent="0.4">
      <c r="B99" s="5" t="s">
        <v>102</v>
      </c>
      <c r="C99" s="6" t="s">
        <v>8</v>
      </c>
      <c r="D99" s="6">
        <v>30</v>
      </c>
      <c r="E99" s="6">
        <v>1</v>
      </c>
      <c r="F99" s="6">
        <v>1</v>
      </c>
      <c r="G99" s="6">
        <v>210</v>
      </c>
    </row>
    <row r="100" spans="2:7" ht="13.5" customHeight="1" x14ac:dyDescent="0.4">
      <c r="B100" s="5" t="s">
        <v>103</v>
      </c>
      <c r="C100" s="6" t="s">
        <v>8</v>
      </c>
      <c r="D100" s="6">
        <v>30</v>
      </c>
      <c r="E100" s="6">
        <v>1</v>
      </c>
      <c r="F100" s="6">
        <v>1</v>
      </c>
      <c r="G100" s="6">
        <v>210</v>
      </c>
    </row>
    <row r="101" spans="2:7" ht="13.5" customHeight="1" x14ac:dyDescent="0.4">
      <c r="B101" s="5" t="s">
        <v>104</v>
      </c>
      <c r="C101" s="6" t="s">
        <v>8</v>
      </c>
      <c r="D101" s="6">
        <v>30</v>
      </c>
      <c r="E101" s="6">
        <v>1</v>
      </c>
      <c r="F101" s="6">
        <v>1</v>
      </c>
      <c r="G101" s="6">
        <v>210</v>
      </c>
    </row>
    <row r="102" spans="2:7" ht="13.5" customHeight="1" x14ac:dyDescent="0.4">
      <c r="B102" s="5" t="s">
        <v>105</v>
      </c>
      <c r="C102" s="6" t="s">
        <v>8</v>
      </c>
      <c r="D102" s="6">
        <v>30</v>
      </c>
      <c r="E102" s="6">
        <v>1</v>
      </c>
      <c r="F102" s="6">
        <v>1</v>
      </c>
      <c r="G102" s="6">
        <v>210</v>
      </c>
    </row>
    <row r="103" spans="2:7" ht="13.5" customHeight="1" x14ac:dyDescent="0.4">
      <c r="B103" s="5" t="s">
        <v>106</v>
      </c>
      <c r="C103" s="6" t="s">
        <v>8</v>
      </c>
      <c r="D103" s="6">
        <v>30</v>
      </c>
      <c r="E103" s="6">
        <v>1</v>
      </c>
      <c r="F103" s="6">
        <v>1</v>
      </c>
      <c r="G103" s="6">
        <v>210</v>
      </c>
    </row>
    <row r="104" spans="2:7" ht="13.5" customHeight="1" x14ac:dyDescent="0.4">
      <c r="B104" s="5" t="s">
        <v>107</v>
      </c>
      <c r="C104" s="6" t="s">
        <v>8</v>
      </c>
      <c r="D104" s="6">
        <v>30</v>
      </c>
      <c r="E104" s="6">
        <v>1</v>
      </c>
      <c r="F104" s="6">
        <v>1</v>
      </c>
      <c r="G104" s="6">
        <v>210</v>
      </c>
    </row>
    <row r="105" spans="2:7" ht="13.5" customHeight="1" x14ac:dyDescent="0.4">
      <c r="B105" s="5" t="s">
        <v>108</v>
      </c>
      <c r="C105" s="6" t="s">
        <v>8</v>
      </c>
      <c r="D105" s="6">
        <v>30</v>
      </c>
      <c r="E105" s="6">
        <v>1</v>
      </c>
      <c r="F105" s="6">
        <v>1</v>
      </c>
      <c r="G105" s="6">
        <v>210</v>
      </c>
    </row>
    <row r="106" spans="2:7" ht="13.5" customHeight="1" x14ac:dyDescent="0.4">
      <c r="B106" s="5" t="s">
        <v>109</v>
      </c>
      <c r="C106" s="6" t="s">
        <v>8</v>
      </c>
      <c r="D106" s="6">
        <v>30</v>
      </c>
      <c r="E106" s="6">
        <v>1</v>
      </c>
      <c r="F106" s="6">
        <v>1</v>
      </c>
      <c r="G106" s="6">
        <v>210</v>
      </c>
    </row>
    <row r="107" spans="2:7" ht="13.5" customHeight="1" x14ac:dyDescent="0.4">
      <c r="B107" s="5" t="s">
        <v>110</v>
      </c>
      <c r="C107" s="6" t="s">
        <v>8</v>
      </c>
      <c r="D107" s="6">
        <v>30</v>
      </c>
      <c r="E107" s="6">
        <v>1</v>
      </c>
      <c r="F107" s="6">
        <v>1</v>
      </c>
      <c r="G107" s="6">
        <v>210</v>
      </c>
    </row>
    <row r="108" spans="2:7" ht="13.5" customHeight="1" x14ac:dyDescent="0.4">
      <c r="B108" s="5" t="s">
        <v>111</v>
      </c>
      <c r="C108" s="6" t="s">
        <v>8</v>
      </c>
      <c r="D108" s="6">
        <v>30</v>
      </c>
      <c r="E108" s="6">
        <v>1</v>
      </c>
      <c r="F108" s="6">
        <v>1</v>
      </c>
      <c r="G108" s="6">
        <v>210</v>
      </c>
    </row>
    <row r="109" spans="2:7" ht="13.5" customHeight="1" x14ac:dyDescent="0.4">
      <c r="B109" s="5" t="s">
        <v>112</v>
      </c>
      <c r="C109" s="6" t="s">
        <v>8</v>
      </c>
      <c r="D109" s="6">
        <v>30</v>
      </c>
      <c r="E109" s="6">
        <v>1</v>
      </c>
      <c r="F109" s="6">
        <v>1</v>
      </c>
      <c r="G109" s="6">
        <v>210</v>
      </c>
    </row>
    <row r="110" spans="2:7" ht="13.5" customHeight="1" x14ac:dyDescent="0.4">
      <c r="B110" s="5" t="s">
        <v>113</v>
      </c>
      <c r="C110" s="6" t="s">
        <v>8</v>
      </c>
      <c r="D110" s="6">
        <v>30</v>
      </c>
      <c r="E110" s="6">
        <v>1</v>
      </c>
      <c r="F110" s="6">
        <v>1</v>
      </c>
      <c r="G110" s="6">
        <v>210</v>
      </c>
    </row>
    <row r="111" spans="2:7" ht="13.5" customHeight="1" x14ac:dyDescent="0.4">
      <c r="B111" s="5" t="s">
        <v>114</v>
      </c>
      <c r="C111" s="6" t="s">
        <v>8</v>
      </c>
      <c r="D111" s="6">
        <v>30</v>
      </c>
      <c r="E111" s="6">
        <v>1</v>
      </c>
      <c r="F111" s="6">
        <v>1</v>
      </c>
      <c r="G111" s="6">
        <v>210</v>
      </c>
    </row>
    <row r="112" spans="2:7" ht="13.5" customHeight="1" x14ac:dyDescent="0.4">
      <c r="B112" s="5" t="s">
        <v>115</v>
      </c>
      <c r="C112" s="6" t="s">
        <v>8</v>
      </c>
      <c r="D112" s="6">
        <v>30</v>
      </c>
      <c r="E112" s="6">
        <v>1</v>
      </c>
      <c r="F112" s="6">
        <v>1</v>
      </c>
      <c r="G112" s="6">
        <v>210</v>
      </c>
    </row>
    <row r="113" spans="2:7" ht="13.5" customHeight="1" x14ac:dyDescent="0.4">
      <c r="B113" s="5" t="s">
        <v>116</v>
      </c>
      <c r="C113" s="6" t="s">
        <v>8</v>
      </c>
      <c r="D113" s="6">
        <v>30</v>
      </c>
      <c r="E113" s="6">
        <v>1</v>
      </c>
      <c r="F113" s="6">
        <v>1</v>
      </c>
      <c r="G113" s="6">
        <v>210</v>
      </c>
    </row>
    <row r="114" spans="2:7" ht="13.5" customHeight="1" x14ac:dyDescent="0.4">
      <c r="B114" s="5" t="s">
        <v>117</v>
      </c>
      <c r="C114" s="6" t="s">
        <v>8</v>
      </c>
      <c r="D114" s="6">
        <v>30</v>
      </c>
      <c r="E114" s="6">
        <v>1</v>
      </c>
      <c r="F114" s="6">
        <v>1</v>
      </c>
      <c r="G114" s="6">
        <v>210</v>
      </c>
    </row>
    <row r="115" spans="2:7" ht="13.5" customHeight="1" x14ac:dyDescent="0.4">
      <c r="B115" s="5" t="s">
        <v>118</v>
      </c>
      <c r="C115" s="6" t="s">
        <v>8</v>
      </c>
      <c r="D115" s="6">
        <v>30</v>
      </c>
      <c r="E115" s="6">
        <v>1</v>
      </c>
      <c r="F115" s="6">
        <v>1</v>
      </c>
      <c r="G115" s="6">
        <v>210</v>
      </c>
    </row>
    <row r="116" spans="2:7" ht="13.5" customHeight="1" x14ac:dyDescent="0.4">
      <c r="B116" s="5" t="s">
        <v>119</v>
      </c>
      <c r="C116" s="6" t="s">
        <v>8</v>
      </c>
      <c r="D116" s="6">
        <v>30</v>
      </c>
      <c r="E116" s="6">
        <v>1</v>
      </c>
      <c r="F116" s="6">
        <v>1</v>
      </c>
      <c r="G116" s="6">
        <v>210</v>
      </c>
    </row>
    <row r="117" spans="2:7" ht="13.5" customHeight="1" x14ac:dyDescent="0.4">
      <c r="B117" s="5" t="s">
        <v>120</v>
      </c>
      <c r="C117" s="6" t="s">
        <v>8</v>
      </c>
      <c r="D117" s="6">
        <v>30</v>
      </c>
      <c r="E117" s="6">
        <v>2</v>
      </c>
      <c r="F117" s="6">
        <v>1</v>
      </c>
      <c r="G117" s="6">
        <v>211</v>
      </c>
    </row>
    <row r="118" spans="2:7" ht="13.5" customHeight="1" x14ac:dyDescent="0.4">
      <c r="B118" s="5" t="s">
        <v>121</v>
      </c>
      <c r="C118" s="6" t="s">
        <v>8</v>
      </c>
      <c r="D118" s="6">
        <v>30</v>
      </c>
      <c r="E118" s="6">
        <v>2</v>
      </c>
      <c r="F118" s="6">
        <v>1</v>
      </c>
      <c r="G118" s="6">
        <v>211</v>
      </c>
    </row>
    <row r="119" spans="2:7" ht="13.5" customHeight="1" x14ac:dyDescent="0.4">
      <c r="B119" s="6" t="s">
        <v>122</v>
      </c>
      <c r="C119" s="6" t="s">
        <v>8</v>
      </c>
      <c r="D119" s="6">
        <v>30</v>
      </c>
      <c r="E119" s="6">
        <v>2</v>
      </c>
      <c r="F119" s="6">
        <v>1</v>
      </c>
      <c r="G119" s="6">
        <v>211</v>
      </c>
    </row>
    <row r="120" spans="2:7" ht="13.5" customHeight="1" x14ac:dyDescent="0.4">
      <c r="B120" s="8" t="s">
        <v>123</v>
      </c>
      <c r="C120" s="6" t="s">
        <v>8</v>
      </c>
      <c r="D120" s="6">
        <v>30</v>
      </c>
      <c r="E120" s="6">
        <v>2</v>
      </c>
      <c r="F120" s="6">
        <v>1</v>
      </c>
      <c r="G120" s="6">
        <v>211</v>
      </c>
    </row>
    <row r="121" spans="2:7" ht="13.5" customHeight="1" x14ac:dyDescent="0.4">
      <c r="B121" s="6" t="s">
        <v>11</v>
      </c>
      <c r="C121" s="6" t="s">
        <v>8</v>
      </c>
      <c r="D121" s="6">
        <v>30</v>
      </c>
      <c r="E121" s="6">
        <v>2</v>
      </c>
      <c r="F121" s="6">
        <v>1</v>
      </c>
      <c r="G121" s="6">
        <v>211</v>
      </c>
    </row>
    <row r="122" spans="2:7" ht="13.5" customHeight="1" x14ac:dyDescent="0.4">
      <c r="B122" s="6" t="s">
        <v>124</v>
      </c>
      <c r="C122" s="6" t="s">
        <v>8</v>
      </c>
      <c r="D122" s="6">
        <v>30</v>
      </c>
      <c r="E122" s="6">
        <v>2</v>
      </c>
      <c r="F122" s="6">
        <v>1</v>
      </c>
      <c r="G122" s="6">
        <v>211</v>
      </c>
    </row>
    <row r="123" spans="2:7" ht="13.5" customHeight="1" x14ac:dyDescent="0.4">
      <c r="B123" s="5" t="s">
        <v>125</v>
      </c>
      <c r="C123" s="6" t="s">
        <v>8</v>
      </c>
      <c r="D123" s="6">
        <v>30</v>
      </c>
      <c r="E123" s="6">
        <v>2</v>
      </c>
      <c r="F123" s="6">
        <v>1</v>
      </c>
      <c r="G123" s="6">
        <v>211</v>
      </c>
    </row>
    <row r="124" spans="2:7" ht="13.5" customHeight="1" x14ac:dyDescent="0.4">
      <c r="B124" s="5" t="s">
        <v>126</v>
      </c>
      <c r="C124" s="6" t="s">
        <v>8</v>
      </c>
      <c r="D124" s="6">
        <v>30</v>
      </c>
      <c r="E124" s="6">
        <v>2</v>
      </c>
      <c r="F124" s="6">
        <v>1</v>
      </c>
      <c r="G124" s="6">
        <v>211</v>
      </c>
    </row>
    <row r="125" spans="2:7" ht="13.5" customHeight="1" x14ac:dyDescent="0.4">
      <c r="B125" s="5" t="s">
        <v>127</v>
      </c>
      <c r="C125" s="6" t="s">
        <v>8</v>
      </c>
      <c r="D125" s="6">
        <v>30</v>
      </c>
      <c r="E125" s="6">
        <v>2</v>
      </c>
      <c r="F125" s="6">
        <v>1</v>
      </c>
      <c r="G125" s="6">
        <v>211</v>
      </c>
    </row>
    <row r="126" spans="2:7" ht="13.5" customHeight="1" x14ac:dyDescent="0.4">
      <c r="B126" s="5" t="s">
        <v>128</v>
      </c>
      <c r="C126" s="6" t="s">
        <v>8</v>
      </c>
      <c r="D126" s="6">
        <v>30</v>
      </c>
      <c r="E126" s="6">
        <v>2</v>
      </c>
      <c r="F126" s="6">
        <v>1</v>
      </c>
      <c r="G126" s="6">
        <v>211</v>
      </c>
    </row>
    <row r="127" spans="2:7" ht="13.5" customHeight="1" x14ac:dyDescent="0.4">
      <c r="B127" s="5" t="s">
        <v>129</v>
      </c>
      <c r="C127" s="6" t="s">
        <v>8</v>
      </c>
      <c r="D127" s="6">
        <v>30</v>
      </c>
      <c r="E127" s="6">
        <v>2</v>
      </c>
      <c r="F127" s="6">
        <v>1</v>
      </c>
      <c r="G127" s="6">
        <v>211</v>
      </c>
    </row>
    <row r="128" spans="2:7" ht="13.5" customHeight="1" x14ac:dyDescent="0.4">
      <c r="B128" s="5" t="s">
        <v>130</v>
      </c>
      <c r="C128" s="6" t="s">
        <v>8</v>
      </c>
      <c r="D128" s="6">
        <v>30</v>
      </c>
      <c r="E128" s="6">
        <v>2</v>
      </c>
      <c r="F128" s="6">
        <v>1</v>
      </c>
      <c r="G128" s="6">
        <v>211</v>
      </c>
    </row>
    <row r="129" spans="2:7" ht="13.5" customHeight="1" x14ac:dyDescent="0.4">
      <c r="B129" s="5" t="s">
        <v>131</v>
      </c>
      <c r="C129" s="6" t="s">
        <v>8</v>
      </c>
      <c r="D129" s="6">
        <v>30</v>
      </c>
      <c r="E129" s="6">
        <v>2</v>
      </c>
      <c r="F129" s="6">
        <v>1</v>
      </c>
      <c r="G129" s="6">
        <v>211</v>
      </c>
    </row>
    <row r="130" spans="2:7" ht="13.5" customHeight="1" x14ac:dyDescent="0.4">
      <c r="B130" s="5" t="s">
        <v>132</v>
      </c>
      <c r="C130" s="6" t="s">
        <v>8</v>
      </c>
      <c r="D130" s="6">
        <v>30</v>
      </c>
      <c r="E130" s="6">
        <v>2</v>
      </c>
      <c r="F130" s="6">
        <v>1</v>
      </c>
      <c r="G130" s="6">
        <v>211</v>
      </c>
    </row>
    <row r="131" spans="2:7" ht="13.5" customHeight="1" x14ac:dyDescent="0.4">
      <c r="B131" s="5" t="s">
        <v>133</v>
      </c>
      <c r="C131" s="6" t="s">
        <v>8</v>
      </c>
      <c r="D131" s="6">
        <v>30</v>
      </c>
      <c r="E131" s="6">
        <v>2</v>
      </c>
      <c r="F131" s="6">
        <v>1</v>
      </c>
      <c r="G131" s="6">
        <v>211</v>
      </c>
    </row>
    <row r="132" spans="2:7" ht="13.5" customHeight="1" x14ac:dyDescent="0.4">
      <c r="B132" s="5" t="s">
        <v>134</v>
      </c>
      <c r="C132" s="6" t="s">
        <v>8</v>
      </c>
      <c r="D132" s="6">
        <v>30</v>
      </c>
      <c r="E132" s="6">
        <v>2</v>
      </c>
      <c r="F132" s="6">
        <v>1</v>
      </c>
      <c r="G132" s="6">
        <v>211</v>
      </c>
    </row>
    <row r="133" spans="2:7" ht="13.5" customHeight="1" x14ac:dyDescent="0.4">
      <c r="B133" s="5" t="s">
        <v>135</v>
      </c>
      <c r="C133" s="6" t="s">
        <v>8</v>
      </c>
      <c r="D133" s="6">
        <v>30</v>
      </c>
      <c r="E133" s="6">
        <v>2</v>
      </c>
      <c r="F133" s="6">
        <v>1</v>
      </c>
      <c r="G133" s="6">
        <v>211</v>
      </c>
    </row>
    <row r="134" spans="2:7" ht="13.5" customHeight="1" x14ac:dyDescent="0.4">
      <c r="B134" s="5" t="s">
        <v>136</v>
      </c>
      <c r="C134" s="6" t="s">
        <v>8</v>
      </c>
      <c r="D134" s="6">
        <v>30</v>
      </c>
      <c r="E134" s="6">
        <v>2</v>
      </c>
      <c r="F134" s="6">
        <v>1</v>
      </c>
      <c r="G134" s="6">
        <v>211</v>
      </c>
    </row>
    <row r="135" spans="2:7" ht="13.5" customHeight="1" x14ac:dyDescent="0.4">
      <c r="B135" s="5" t="s">
        <v>137</v>
      </c>
      <c r="C135" s="6" t="s">
        <v>8</v>
      </c>
      <c r="D135" s="6">
        <v>30</v>
      </c>
      <c r="E135" s="6">
        <v>2</v>
      </c>
      <c r="F135" s="6">
        <v>1</v>
      </c>
      <c r="G135" s="6">
        <v>211</v>
      </c>
    </row>
    <row r="136" spans="2:7" ht="13.5" customHeight="1" x14ac:dyDescent="0.4">
      <c r="B136" s="5" t="s">
        <v>138</v>
      </c>
      <c r="C136" s="6" t="s">
        <v>8</v>
      </c>
      <c r="D136" s="6">
        <v>30</v>
      </c>
      <c r="E136" s="6">
        <v>2</v>
      </c>
      <c r="F136" s="6">
        <v>1</v>
      </c>
      <c r="G136" s="6">
        <v>211</v>
      </c>
    </row>
    <row r="137" spans="2:7" ht="13.5" customHeight="1" x14ac:dyDescent="0.4">
      <c r="B137" s="5" t="s">
        <v>139</v>
      </c>
      <c r="C137" s="6" t="s">
        <v>8</v>
      </c>
      <c r="D137" s="6">
        <v>30</v>
      </c>
      <c r="E137" s="6">
        <v>2</v>
      </c>
      <c r="F137" s="6">
        <v>1</v>
      </c>
      <c r="G137" s="6">
        <v>211</v>
      </c>
    </row>
    <row r="138" spans="2:7" ht="13.5" customHeight="1" x14ac:dyDescent="0.4">
      <c r="B138" s="5" t="s">
        <v>140</v>
      </c>
      <c r="C138" s="6" t="s">
        <v>8</v>
      </c>
      <c r="D138" s="6">
        <v>30</v>
      </c>
      <c r="E138" s="6">
        <v>2</v>
      </c>
      <c r="F138" s="6">
        <v>1</v>
      </c>
      <c r="G138" s="6">
        <v>211</v>
      </c>
    </row>
    <row r="139" spans="2:7" ht="13.5" customHeight="1" x14ac:dyDescent="0.4">
      <c r="B139" s="5" t="s">
        <v>141</v>
      </c>
      <c r="C139" s="6" t="s">
        <v>8</v>
      </c>
      <c r="D139" s="6">
        <v>30</v>
      </c>
      <c r="E139" s="6">
        <v>2</v>
      </c>
      <c r="F139" s="6">
        <v>1</v>
      </c>
      <c r="G139" s="6">
        <v>211</v>
      </c>
    </row>
    <row r="140" spans="2:7" ht="13.5" customHeight="1" x14ac:dyDescent="0.4">
      <c r="B140" s="5" t="s">
        <v>142</v>
      </c>
      <c r="C140" s="6" t="s">
        <v>8</v>
      </c>
      <c r="D140" s="6">
        <v>30</v>
      </c>
      <c r="E140" s="6">
        <v>2</v>
      </c>
      <c r="F140" s="6">
        <v>1</v>
      </c>
      <c r="G140" s="6">
        <v>211</v>
      </c>
    </row>
    <row r="141" spans="2:7" ht="13.5" customHeight="1" x14ac:dyDescent="0.4">
      <c r="B141" s="5" t="s">
        <v>143</v>
      </c>
      <c r="C141" s="6" t="s">
        <v>8</v>
      </c>
      <c r="D141" s="6">
        <v>30</v>
      </c>
      <c r="E141" s="6">
        <v>2</v>
      </c>
      <c r="F141" s="6">
        <v>1</v>
      </c>
      <c r="G141" s="6">
        <v>211</v>
      </c>
    </row>
    <row r="142" spans="2:7" ht="13.5" customHeight="1" x14ac:dyDescent="0.4">
      <c r="B142" s="5" t="s">
        <v>144</v>
      </c>
      <c r="C142" s="6" t="s">
        <v>8</v>
      </c>
      <c r="D142" s="6">
        <v>30</v>
      </c>
      <c r="E142" s="6">
        <v>2</v>
      </c>
      <c r="F142" s="6">
        <v>1</v>
      </c>
      <c r="G142" s="6">
        <v>211</v>
      </c>
    </row>
    <row r="143" spans="2:7" ht="13.5" customHeight="1" x14ac:dyDescent="0.4">
      <c r="B143" s="5" t="s">
        <v>145</v>
      </c>
      <c r="C143" s="6" t="s">
        <v>8</v>
      </c>
      <c r="D143" s="6">
        <v>30</v>
      </c>
      <c r="E143" s="6">
        <v>2</v>
      </c>
      <c r="F143" s="6">
        <v>1</v>
      </c>
      <c r="G143" s="6">
        <v>211</v>
      </c>
    </row>
    <row r="144" spans="2:7" ht="13.5" customHeight="1" x14ac:dyDescent="0.4">
      <c r="B144" s="5" t="s">
        <v>146</v>
      </c>
      <c r="C144" s="6" t="s">
        <v>8</v>
      </c>
      <c r="D144" s="6">
        <v>30</v>
      </c>
      <c r="E144" s="6">
        <v>2</v>
      </c>
      <c r="F144" s="6">
        <v>1</v>
      </c>
      <c r="G144" s="6">
        <v>211</v>
      </c>
    </row>
    <row r="145" spans="2:7" ht="13.5" customHeight="1" x14ac:dyDescent="0.4">
      <c r="B145" s="5" t="s">
        <v>147</v>
      </c>
      <c r="C145" s="6" t="s">
        <v>8</v>
      </c>
      <c r="D145" s="6">
        <v>30</v>
      </c>
      <c r="E145" s="6">
        <v>2</v>
      </c>
      <c r="F145" s="6">
        <v>1</v>
      </c>
      <c r="G145" s="6">
        <v>211</v>
      </c>
    </row>
    <row r="146" spans="2:7" ht="13.5" customHeight="1" x14ac:dyDescent="0.4">
      <c r="B146" s="5" t="s">
        <v>148</v>
      </c>
      <c r="C146" s="6" t="s">
        <v>8</v>
      </c>
      <c r="D146" s="6">
        <v>30</v>
      </c>
      <c r="E146" s="6">
        <v>2</v>
      </c>
      <c r="F146" s="6">
        <v>1</v>
      </c>
      <c r="G146" s="6">
        <v>211</v>
      </c>
    </row>
    <row r="147" spans="2:7" ht="13.5" customHeight="1" x14ac:dyDescent="0.4">
      <c r="B147" s="5" t="s">
        <v>149</v>
      </c>
      <c r="C147" s="6" t="s">
        <v>8</v>
      </c>
      <c r="D147" s="6">
        <v>30</v>
      </c>
      <c r="E147" s="6">
        <v>2</v>
      </c>
      <c r="F147" s="6">
        <v>1</v>
      </c>
      <c r="G147" s="6">
        <v>211</v>
      </c>
    </row>
    <row r="148" spans="2:7" ht="13.5" customHeight="1" x14ac:dyDescent="0.4">
      <c r="B148" s="5" t="s">
        <v>150</v>
      </c>
      <c r="C148" s="6" t="s">
        <v>8</v>
      </c>
      <c r="D148" s="6">
        <v>30</v>
      </c>
      <c r="E148" s="6">
        <v>2</v>
      </c>
      <c r="F148" s="6">
        <v>1</v>
      </c>
      <c r="G148" s="6">
        <v>211</v>
      </c>
    </row>
    <row r="149" spans="2:7" ht="13.5" customHeight="1" x14ac:dyDescent="0.4">
      <c r="B149" s="5" t="s">
        <v>151</v>
      </c>
      <c r="C149" s="6" t="s">
        <v>8</v>
      </c>
      <c r="D149" s="6">
        <v>30</v>
      </c>
      <c r="E149" s="6">
        <v>2</v>
      </c>
      <c r="F149" s="6">
        <v>1</v>
      </c>
      <c r="G149" s="6">
        <v>211</v>
      </c>
    </row>
    <row r="150" spans="2:7" ht="13.5" customHeight="1" x14ac:dyDescent="0.4">
      <c r="B150" s="5" t="s">
        <v>152</v>
      </c>
      <c r="C150" s="6" t="s">
        <v>8</v>
      </c>
      <c r="D150" s="6">
        <v>30</v>
      </c>
      <c r="E150" s="6">
        <v>2</v>
      </c>
      <c r="F150" s="6">
        <v>1</v>
      </c>
      <c r="G150" s="6">
        <v>211</v>
      </c>
    </row>
    <row r="151" spans="2:7" ht="13.5" customHeight="1" x14ac:dyDescent="0.4">
      <c r="B151" s="5" t="s">
        <v>153</v>
      </c>
      <c r="C151" s="6" t="s">
        <v>8</v>
      </c>
      <c r="D151" s="6">
        <v>30</v>
      </c>
      <c r="E151" s="6">
        <v>2</v>
      </c>
      <c r="F151" s="6">
        <v>1</v>
      </c>
      <c r="G151" s="6">
        <v>211</v>
      </c>
    </row>
    <row r="152" spans="2:7" ht="13.5" customHeight="1" x14ac:dyDescent="0.4">
      <c r="B152" s="5" t="s">
        <v>154</v>
      </c>
      <c r="C152" s="6" t="s">
        <v>8</v>
      </c>
      <c r="D152" s="6">
        <v>30</v>
      </c>
      <c r="E152" s="6">
        <v>2</v>
      </c>
      <c r="F152" s="6">
        <v>1</v>
      </c>
      <c r="G152" s="6">
        <v>211</v>
      </c>
    </row>
    <row r="153" spans="2:7" ht="13.5" customHeight="1" x14ac:dyDescent="0.4">
      <c r="B153" s="5" t="s">
        <v>155</v>
      </c>
      <c r="C153" s="6" t="s">
        <v>8</v>
      </c>
      <c r="D153" s="6">
        <v>30</v>
      </c>
      <c r="E153" s="6">
        <v>2</v>
      </c>
      <c r="F153" s="6">
        <v>1</v>
      </c>
      <c r="G153" s="6">
        <v>211</v>
      </c>
    </row>
    <row r="154" spans="2:7" ht="13.5" customHeight="1" x14ac:dyDescent="0.4">
      <c r="B154" s="5" t="s">
        <v>156</v>
      </c>
      <c r="C154" s="6" t="s">
        <v>8</v>
      </c>
      <c r="D154" s="6">
        <v>30</v>
      </c>
      <c r="E154" s="6">
        <v>2</v>
      </c>
      <c r="F154" s="6">
        <v>1</v>
      </c>
      <c r="G154" s="6">
        <v>211</v>
      </c>
    </row>
    <row r="155" spans="2:7" ht="13.5" customHeight="1" x14ac:dyDescent="0.4">
      <c r="B155" s="5" t="s">
        <v>157</v>
      </c>
      <c r="C155" s="6" t="s">
        <v>8</v>
      </c>
      <c r="D155" s="6">
        <v>30</v>
      </c>
      <c r="E155" s="6">
        <v>2</v>
      </c>
      <c r="F155" s="6">
        <v>1</v>
      </c>
      <c r="G155" s="6">
        <v>211</v>
      </c>
    </row>
    <row r="156" spans="2:7" ht="13.5" customHeight="1" x14ac:dyDescent="0.4">
      <c r="B156" s="5" t="s">
        <v>158</v>
      </c>
      <c r="C156" s="6" t="s">
        <v>8</v>
      </c>
      <c r="D156" s="6">
        <v>30</v>
      </c>
      <c r="E156" s="6">
        <v>2</v>
      </c>
      <c r="F156" s="6">
        <v>1</v>
      </c>
      <c r="G156" s="6">
        <v>211</v>
      </c>
    </row>
    <row r="157" spans="2:7" ht="13.5" customHeight="1" x14ac:dyDescent="0.4">
      <c r="B157" s="5" t="s">
        <v>159</v>
      </c>
      <c r="C157" s="6" t="s">
        <v>8</v>
      </c>
      <c r="D157" s="6">
        <v>30</v>
      </c>
      <c r="E157" s="6">
        <v>2</v>
      </c>
      <c r="F157" s="6">
        <v>1</v>
      </c>
      <c r="G157" s="6">
        <v>211</v>
      </c>
    </row>
    <row r="158" spans="2:7" ht="13.5" customHeight="1" x14ac:dyDescent="0.4">
      <c r="B158" s="5" t="s">
        <v>160</v>
      </c>
      <c r="C158" s="6" t="s">
        <v>8</v>
      </c>
      <c r="D158" s="6">
        <v>30</v>
      </c>
      <c r="E158" s="6">
        <v>2</v>
      </c>
      <c r="F158" s="6">
        <v>1</v>
      </c>
      <c r="G158" s="6">
        <v>211</v>
      </c>
    </row>
    <row r="159" spans="2:7" ht="13.5" customHeight="1" x14ac:dyDescent="0.4">
      <c r="B159" s="5" t="s">
        <v>161</v>
      </c>
      <c r="C159" s="6" t="s">
        <v>8</v>
      </c>
      <c r="D159" s="6">
        <v>30</v>
      </c>
      <c r="E159" s="6">
        <v>2</v>
      </c>
      <c r="F159" s="6">
        <v>1</v>
      </c>
      <c r="G159" s="6">
        <v>211</v>
      </c>
    </row>
    <row r="160" spans="2:7" ht="13.5" customHeight="1" x14ac:dyDescent="0.4">
      <c r="B160" s="5" t="s">
        <v>162</v>
      </c>
      <c r="C160" s="6" t="s">
        <v>8</v>
      </c>
      <c r="D160" s="6">
        <v>30</v>
      </c>
      <c r="E160" s="6">
        <v>2</v>
      </c>
      <c r="F160" s="6">
        <v>1</v>
      </c>
      <c r="G160" s="6">
        <v>211</v>
      </c>
    </row>
    <row r="161" spans="2:7" ht="13.5" customHeight="1" x14ac:dyDescent="0.4">
      <c r="B161" s="5" t="s">
        <v>163</v>
      </c>
      <c r="C161" s="6" t="s">
        <v>8</v>
      </c>
      <c r="D161" s="6">
        <v>30</v>
      </c>
      <c r="E161" s="6">
        <v>2</v>
      </c>
      <c r="F161" s="6">
        <v>1</v>
      </c>
      <c r="G161" s="6">
        <v>211</v>
      </c>
    </row>
    <row r="162" spans="2:7" ht="13.5" customHeight="1" x14ac:dyDescent="0.4">
      <c r="B162" s="5" t="s">
        <v>164</v>
      </c>
      <c r="C162" s="6" t="s">
        <v>8</v>
      </c>
      <c r="D162" s="6">
        <v>30</v>
      </c>
      <c r="E162" s="6">
        <v>2</v>
      </c>
      <c r="F162" s="6">
        <v>1</v>
      </c>
      <c r="G162" s="6">
        <v>211</v>
      </c>
    </row>
    <row r="163" spans="2:7" ht="13.5" customHeight="1" x14ac:dyDescent="0.4">
      <c r="B163" s="5" t="s">
        <v>165</v>
      </c>
      <c r="C163" s="6" t="s">
        <v>8</v>
      </c>
      <c r="D163" s="6">
        <v>30</v>
      </c>
      <c r="E163" s="6">
        <v>2</v>
      </c>
      <c r="F163" s="6">
        <v>1</v>
      </c>
      <c r="G163" s="6">
        <v>211</v>
      </c>
    </row>
    <row r="164" spans="2:7" ht="13.5" customHeight="1" x14ac:dyDescent="0.4">
      <c r="B164" s="5" t="s">
        <v>166</v>
      </c>
      <c r="C164" s="6" t="s">
        <v>8</v>
      </c>
      <c r="D164" s="6">
        <v>30</v>
      </c>
      <c r="E164" s="6">
        <v>2</v>
      </c>
      <c r="F164" s="6">
        <v>1</v>
      </c>
      <c r="G164" s="6">
        <v>211</v>
      </c>
    </row>
    <row r="165" spans="2:7" ht="13.5" customHeight="1" x14ac:dyDescent="0.4">
      <c r="B165" s="5" t="s">
        <v>167</v>
      </c>
      <c r="C165" s="6" t="s">
        <v>8</v>
      </c>
      <c r="D165" s="6">
        <v>30</v>
      </c>
      <c r="E165" s="6">
        <v>2</v>
      </c>
      <c r="F165" s="6">
        <v>1</v>
      </c>
      <c r="G165" s="6">
        <v>211</v>
      </c>
    </row>
    <row r="166" spans="2:7" ht="13.5" customHeight="1" x14ac:dyDescent="0.4">
      <c r="B166" s="5" t="s">
        <v>56</v>
      </c>
      <c r="C166" s="6" t="s">
        <v>8</v>
      </c>
      <c r="D166" s="6">
        <v>30</v>
      </c>
      <c r="E166" s="6">
        <v>2</v>
      </c>
      <c r="F166" s="6">
        <v>1</v>
      </c>
      <c r="G166" s="6">
        <v>211</v>
      </c>
    </row>
    <row r="167" spans="2:7" ht="13.5" customHeight="1" x14ac:dyDescent="0.4">
      <c r="B167" s="5" t="s">
        <v>168</v>
      </c>
      <c r="C167" s="6" t="s">
        <v>8</v>
      </c>
      <c r="D167" s="6">
        <v>30</v>
      </c>
      <c r="E167" s="6">
        <v>2</v>
      </c>
      <c r="F167" s="6">
        <v>1</v>
      </c>
      <c r="G167" s="6">
        <v>211</v>
      </c>
    </row>
    <row r="168" spans="2:7" ht="13.5" customHeight="1" x14ac:dyDescent="0.4">
      <c r="B168" s="5" t="s">
        <v>169</v>
      </c>
      <c r="C168" s="6" t="s">
        <v>8</v>
      </c>
      <c r="D168" s="6">
        <v>30</v>
      </c>
      <c r="E168" s="6">
        <v>2</v>
      </c>
      <c r="F168" s="6">
        <v>1</v>
      </c>
      <c r="G168" s="6">
        <v>211</v>
      </c>
    </row>
    <row r="169" spans="2:7" ht="13.5" customHeight="1" x14ac:dyDescent="0.4">
      <c r="B169" s="5" t="s">
        <v>170</v>
      </c>
      <c r="C169" s="6" t="s">
        <v>8</v>
      </c>
      <c r="D169" s="6">
        <v>30</v>
      </c>
      <c r="E169" s="6">
        <v>2</v>
      </c>
      <c r="F169" s="6">
        <v>1</v>
      </c>
      <c r="G169" s="6">
        <v>211</v>
      </c>
    </row>
    <row r="170" spans="2:7" ht="13.5" customHeight="1" x14ac:dyDescent="0.4">
      <c r="B170" s="5" t="s">
        <v>171</v>
      </c>
      <c r="C170" s="6" t="s">
        <v>8</v>
      </c>
      <c r="D170" s="6">
        <v>30</v>
      </c>
      <c r="E170" s="6">
        <v>2</v>
      </c>
      <c r="F170" s="6">
        <v>1</v>
      </c>
      <c r="G170" s="6">
        <v>211</v>
      </c>
    </row>
    <row r="171" spans="2:7" ht="13.5" customHeight="1" x14ac:dyDescent="0.4">
      <c r="B171" s="5" t="s">
        <v>172</v>
      </c>
      <c r="C171" s="6" t="s">
        <v>8</v>
      </c>
      <c r="D171" s="6">
        <v>30</v>
      </c>
      <c r="E171" s="6">
        <v>2</v>
      </c>
      <c r="F171" s="6">
        <v>1</v>
      </c>
      <c r="G171" s="6">
        <v>211</v>
      </c>
    </row>
    <row r="172" spans="2:7" ht="13.5" customHeight="1" x14ac:dyDescent="0.4">
      <c r="B172" s="5" t="s">
        <v>173</v>
      </c>
      <c r="C172" s="6" t="s">
        <v>8</v>
      </c>
      <c r="D172" s="6">
        <v>30</v>
      </c>
      <c r="E172" s="6">
        <v>2</v>
      </c>
      <c r="F172" s="6">
        <v>1</v>
      </c>
      <c r="G172" s="6">
        <v>211</v>
      </c>
    </row>
    <row r="173" spans="2:7" ht="13.5" customHeight="1" x14ac:dyDescent="0.4">
      <c r="B173" s="5" t="s">
        <v>174</v>
      </c>
      <c r="C173" s="6" t="s">
        <v>8</v>
      </c>
      <c r="D173" s="6">
        <v>30</v>
      </c>
      <c r="E173" s="6">
        <v>2</v>
      </c>
      <c r="F173" s="6">
        <v>1</v>
      </c>
      <c r="G173" s="6">
        <v>211</v>
      </c>
    </row>
    <row r="174" spans="2:7" ht="13.5" customHeight="1" x14ac:dyDescent="0.4">
      <c r="B174" s="5" t="s">
        <v>175</v>
      </c>
      <c r="C174" s="6" t="s">
        <v>8</v>
      </c>
      <c r="D174" s="6">
        <v>30</v>
      </c>
      <c r="E174" s="6">
        <v>2</v>
      </c>
      <c r="F174" s="6">
        <v>1</v>
      </c>
      <c r="G174" s="6">
        <v>211</v>
      </c>
    </row>
    <row r="175" spans="2:7" ht="13.5" customHeight="1" x14ac:dyDescent="0.4">
      <c r="B175" s="5" t="s">
        <v>176</v>
      </c>
      <c r="C175" s="6" t="s">
        <v>8</v>
      </c>
      <c r="D175" s="6">
        <v>30</v>
      </c>
      <c r="E175" s="6">
        <v>2</v>
      </c>
      <c r="F175" s="6">
        <v>1</v>
      </c>
      <c r="G175" s="6">
        <v>211</v>
      </c>
    </row>
    <row r="176" spans="2:7" ht="13.5" customHeight="1" x14ac:dyDescent="0.4">
      <c r="B176" s="5" t="s">
        <v>177</v>
      </c>
      <c r="C176" s="6" t="s">
        <v>8</v>
      </c>
      <c r="D176" s="6">
        <v>30</v>
      </c>
      <c r="E176" s="6">
        <v>2</v>
      </c>
      <c r="F176" s="6">
        <v>1</v>
      </c>
      <c r="G176" s="6">
        <v>211</v>
      </c>
    </row>
    <row r="177" spans="2:7" ht="13.5" customHeight="1" x14ac:dyDescent="0.4">
      <c r="B177" s="5" t="s">
        <v>178</v>
      </c>
      <c r="C177" s="6" t="s">
        <v>8</v>
      </c>
      <c r="D177" s="6">
        <v>30</v>
      </c>
      <c r="E177" s="6">
        <v>2</v>
      </c>
      <c r="F177" s="6">
        <v>1</v>
      </c>
      <c r="G177" s="6">
        <v>211</v>
      </c>
    </row>
    <row r="178" spans="2:7" ht="13.5" customHeight="1" x14ac:dyDescent="0.4">
      <c r="B178" s="5" t="s">
        <v>179</v>
      </c>
      <c r="C178" s="6" t="s">
        <v>8</v>
      </c>
      <c r="D178" s="6">
        <v>30</v>
      </c>
      <c r="E178" s="6">
        <v>2</v>
      </c>
      <c r="F178" s="6">
        <v>1</v>
      </c>
      <c r="G178" s="6">
        <v>211</v>
      </c>
    </row>
    <row r="179" spans="2:7" ht="13.5" customHeight="1" x14ac:dyDescent="0.4">
      <c r="B179" s="5" t="s">
        <v>180</v>
      </c>
      <c r="C179" s="6" t="s">
        <v>8</v>
      </c>
      <c r="D179" s="6">
        <v>30</v>
      </c>
      <c r="E179" s="6">
        <v>2</v>
      </c>
      <c r="F179" s="6">
        <v>1</v>
      </c>
      <c r="G179" s="6">
        <v>211</v>
      </c>
    </row>
    <row r="180" spans="2:7" ht="13.5" customHeight="1" x14ac:dyDescent="0.4">
      <c r="B180" s="5" t="s">
        <v>181</v>
      </c>
      <c r="C180" s="6" t="s">
        <v>8</v>
      </c>
      <c r="D180" s="6">
        <v>30</v>
      </c>
      <c r="E180" s="6">
        <v>2</v>
      </c>
      <c r="F180" s="6">
        <v>1</v>
      </c>
      <c r="G180" s="6">
        <v>211</v>
      </c>
    </row>
    <row r="181" spans="2:7" ht="13.5" customHeight="1" x14ac:dyDescent="0.4">
      <c r="B181" s="5" t="s">
        <v>182</v>
      </c>
      <c r="C181" s="6" t="s">
        <v>8</v>
      </c>
      <c r="D181" s="6">
        <v>30</v>
      </c>
      <c r="E181" s="6">
        <v>2</v>
      </c>
      <c r="F181" s="6">
        <v>1</v>
      </c>
      <c r="G181" s="6">
        <v>211</v>
      </c>
    </row>
    <row r="182" spans="2:7" ht="13.5" customHeight="1" x14ac:dyDescent="0.4">
      <c r="B182" s="5" t="s">
        <v>183</v>
      </c>
      <c r="C182" s="6" t="s">
        <v>8</v>
      </c>
      <c r="D182" s="6">
        <v>30</v>
      </c>
      <c r="E182" s="6">
        <v>2</v>
      </c>
      <c r="F182" s="6">
        <v>1</v>
      </c>
      <c r="G182" s="6">
        <v>211</v>
      </c>
    </row>
    <row r="183" spans="2:7" ht="13.5" customHeight="1" x14ac:dyDescent="0.4">
      <c r="B183" s="5" t="s">
        <v>184</v>
      </c>
      <c r="C183" s="6" t="s">
        <v>8</v>
      </c>
      <c r="D183" s="6">
        <v>30</v>
      </c>
      <c r="E183" s="6">
        <v>2</v>
      </c>
      <c r="F183" s="6">
        <v>1</v>
      </c>
      <c r="G183" s="6">
        <v>211</v>
      </c>
    </row>
    <row r="184" spans="2:7" ht="13.5" customHeight="1" x14ac:dyDescent="0.4">
      <c r="B184" s="5" t="s">
        <v>185</v>
      </c>
      <c r="C184" s="6" t="s">
        <v>8</v>
      </c>
      <c r="D184" s="6">
        <v>30</v>
      </c>
      <c r="E184" s="6">
        <v>2</v>
      </c>
      <c r="F184" s="6">
        <v>1</v>
      </c>
      <c r="G184" s="6">
        <v>211</v>
      </c>
    </row>
    <row r="185" spans="2:7" ht="13.5" customHeight="1" x14ac:dyDescent="0.4">
      <c r="B185" s="5" t="s">
        <v>186</v>
      </c>
      <c r="C185" s="6" t="s">
        <v>8</v>
      </c>
      <c r="D185" s="6">
        <v>30</v>
      </c>
      <c r="E185" s="6">
        <v>2</v>
      </c>
      <c r="F185" s="6">
        <v>1</v>
      </c>
      <c r="G185" s="6">
        <v>211</v>
      </c>
    </row>
    <row r="186" spans="2:7" ht="13.5" customHeight="1" x14ac:dyDescent="0.4">
      <c r="B186" s="5" t="s">
        <v>187</v>
      </c>
      <c r="C186" s="6" t="s">
        <v>8</v>
      </c>
      <c r="D186" s="6">
        <v>30</v>
      </c>
      <c r="E186" s="6">
        <v>2</v>
      </c>
      <c r="F186" s="6">
        <v>1</v>
      </c>
      <c r="G186" s="6">
        <v>211</v>
      </c>
    </row>
    <row r="187" spans="2:7" ht="13.5" customHeight="1" x14ac:dyDescent="0.4">
      <c r="B187" s="5" t="s">
        <v>188</v>
      </c>
      <c r="C187" s="6" t="s">
        <v>8</v>
      </c>
      <c r="D187" s="6">
        <v>30</v>
      </c>
      <c r="E187" s="6">
        <v>2</v>
      </c>
      <c r="F187" s="6">
        <v>1</v>
      </c>
      <c r="G187" s="6">
        <v>211</v>
      </c>
    </row>
    <row r="188" spans="2:7" ht="13.5" customHeight="1" x14ac:dyDescent="0.4">
      <c r="B188" s="5" t="s">
        <v>189</v>
      </c>
      <c r="C188" s="6" t="s">
        <v>8</v>
      </c>
      <c r="D188" s="6">
        <v>30</v>
      </c>
      <c r="E188" s="6">
        <v>2</v>
      </c>
      <c r="F188" s="6">
        <v>1</v>
      </c>
      <c r="G188" s="6">
        <v>211</v>
      </c>
    </row>
    <row r="189" spans="2:7" ht="13.5" customHeight="1" x14ac:dyDescent="0.4">
      <c r="B189" s="5" t="s">
        <v>190</v>
      </c>
      <c r="C189" s="6" t="s">
        <v>8</v>
      </c>
      <c r="D189" s="6">
        <v>30</v>
      </c>
      <c r="E189" s="6">
        <v>2</v>
      </c>
      <c r="F189" s="6">
        <v>1</v>
      </c>
      <c r="G189" s="6">
        <v>211</v>
      </c>
    </row>
    <row r="190" spans="2:7" ht="13.5" customHeight="1" x14ac:dyDescent="0.4">
      <c r="B190" s="5" t="s">
        <v>191</v>
      </c>
      <c r="C190" s="6" t="s">
        <v>8</v>
      </c>
      <c r="D190" s="6">
        <v>30</v>
      </c>
      <c r="E190" s="6">
        <v>2</v>
      </c>
      <c r="F190" s="6">
        <v>1</v>
      </c>
      <c r="G190" s="6">
        <v>211</v>
      </c>
    </row>
    <row r="191" spans="2:7" ht="13.5" customHeight="1" x14ac:dyDescent="0.4">
      <c r="B191" s="5" t="s">
        <v>192</v>
      </c>
      <c r="C191" s="6" t="s">
        <v>8</v>
      </c>
      <c r="D191" s="6">
        <v>30</v>
      </c>
      <c r="E191" s="6">
        <v>2</v>
      </c>
      <c r="F191" s="6">
        <v>1</v>
      </c>
      <c r="G191" s="6">
        <v>211</v>
      </c>
    </row>
    <row r="192" spans="2:7" ht="13.5" customHeight="1" x14ac:dyDescent="0.4">
      <c r="B192" s="5" t="s">
        <v>193</v>
      </c>
      <c r="C192" s="6" t="s">
        <v>8</v>
      </c>
      <c r="D192" s="6">
        <v>30</v>
      </c>
      <c r="E192" s="6">
        <v>2</v>
      </c>
      <c r="F192" s="6">
        <v>1</v>
      </c>
      <c r="G192" s="6">
        <v>211</v>
      </c>
    </row>
    <row r="193" spans="2:7" ht="13.5" customHeight="1" x14ac:dyDescent="0.4">
      <c r="B193" s="5" t="s">
        <v>194</v>
      </c>
      <c r="C193" s="6" t="s">
        <v>8</v>
      </c>
      <c r="D193" s="6">
        <v>30</v>
      </c>
      <c r="E193" s="6">
        <v>2</v>
      </c>
      <c r="F193" s="6">
        <v>1</v>
      </c>
      <c r="G193" s="6">
        <v>211</v>
      </c>
    </row>
    <row r="194" spans="2:7" ht="13.5" customHeight="1" x14ac:dyDescent="0.4">
      <c r="B194" s="5" t="s">
        <v>195</v>
      </c>
      <c r="C194" s="6" t="s">
        <v>8</v>
      </c>
      <c r="D194" s="6">
        <v>30</v>
      </c>
      <c r="E194" s="6">
        <v>2</v>
      </c>
      <c r="F194" s="6">
        <v>1</v>
      </c>
      <c r="G194" s="6">
        <v>211</v>
      </c>
    </row>
    <row r="195" spans="2:7" ht="13.5" customHeight="1" x14ac:dyDescent="0.4">
      <c r="B195" s="5" t="s">
        <v>196</v>
      </c>
      <c r="C195" s="6" t="s">
        <v>8</v>
      </c>
      <c r="D195" s="6">
        <v>30</v>
      </c>
      <c r="E195" s="6">
        <v>2</v>
      </c>
      <c r="F195" s="6">
        <v>1</v>
      </c>
      <c r="G195" s="6">
        <v>211</v>
      </c>
    </row>
    <row r="196" spans="2:7" ht="13.5" customHeight="1" x14ac:dyDescent="0.4">
      <c r="B196" s="5" t="s">
        <v>197</v>
      </c>
      <c r="C196" s="6" t="s">
        <v>8</v>
      </c>
      <c r="D196" s="6">
        <v>30</v>
      </c>
      <c r="E196" s="6">
        <v>2</v>
      </c>
      <c r="F196" s="6">
        <v>1</v>
      </c>
      <c r="G196" s="6">
        <v>211</v>
      </c>
    </row>
    <row r="197" spans="2:7" ht="13.5" customHeight="1" x14ac:dyDescent="0.4">
      <c r="B197" s="5" t="s">
        <v>198</v>
      </c>
      <c r="C197" s="6" t="s">
        <v>8</v>
      </c>
      <c r="D197" s="6">
        <v>30</v>
      </c>
      <c r="E197" s="6">
        <v>2</v>
      </c>
      <c r="F197" s="6">
        <v>1</v>
      </c>
      <c r="G197" s="6">
        <v>211</v>
      </c>
    </row>
    <row r="198" spans="2:7" ht="13.5" customHeight="1" x14ac:dyDescent="0.4">
      <c r="B198" s="5" t="s">
        <v>199</v>
      </c>
      <c r="C198" s="6" t="s">
        <v>8</v>
      </c>
      <c r="D198" s="6">
        <v>30</v>
      </c>
      <c r="E198" s="6">
        <v>2</v>
      </c>
      <c r="F198" s="6">
        <v>1</v>
      </c>
      <c r="G198" s="6">
        <v>211</v>
      </c>
    </row>
    <row r="199" spans="2:7" ht="13.5" customHeight="1" x14ac:dyDescent="0.4">
      <c r="B199" s="5" t="s">
        <v>200</v>
      </c>
      <c r="C199" s="6" t="s">
        <v>8</v>
      </c>
      <c r="D199" s="6">
        <v>30</v>
      </c>
      <c r="E199" s="6">
        <v>2</v>
      </c>
      <c r="F199" s="6">
        <v>1</v>
      </c>
      <c r="G199" s="6">
        <v>211</v>
      </c>
    </row>
    <row r="200" spans="2:7" ht="13.5" customHeight="1" x14ac:dyDescent="0.4">
      <c r="B200" s="5" t="s">
        <v>201</v>
      </c>
      <c r="C200" s="6" t="s">
        <v>8</v>
      </c>
      <c r="D200" s="6">
        <v>30</v>
      </c>
      <c r="E200" s="6">
        <v>2</v>
      </c>
      <c r="F200" s="6">
        <v>1</v>
      </c>
      <c r="G200" s="6">
        <v>211</v>
      </c>
    </row>
    <row r="201" spans="2:7" ht="13.5" customHeight="1" x14ac:dyDescent="0.4">
      <c r="B201" s="5" t="s">
        <v>202</v>
      </c>
      <c r="C201" s="6" t="s">
        <v>8</v>
      </c>
      <c r="D201" s="6">
        <v>30</v>
      </c>
      <c r="E201" s="6">
        <v>2</v>
      </c>
      <c r="F201" s="6">
        <v>1</v>
      </c>
      <c r="G201" s="6">
        <v>211</v>
      </c>
    </row>
    <row r="202" spans="2:7" ht="13.5" customHeight="1" x14ac:dyDescent="0.4">
      <c r="B202" s="5" t="s">
        <v>203</v>
      </c>
      <c r="C202" s="6" t="s">
        <v>8</v>
      </c>
      <c r="D202" s="6">
        <v>30</v>
      </c>
      <c r="E202" s="6">
        <v>2</v>
      </c>
      <c r="F202" s="6">
        <v>1</v>
      </c>
      <c r="G202" s="6">
        <v>211</v>
      </c>
    </row>
    <row r="203" spans="2:7" ht="13.5" customHeight="1" x14ac:dyDescent="0.4">
      <c r="B203" s="5" t="s">
        <v>204</v>
      </c>
      <c r="C203" s="6" t="s">
        <v>8</v>
      </c>
      <c r="D203" s="6">
        <v>30</v>
      </c>
      <c r="E203" s="6">
        <v>2</v>
      </c>
      <c r="F203" s="6">
        <v>1</v>
      </c>
      <c r="G203" s="6">
        <v>211</v>
      </c>
    </row>
    <row r="204" spans="2:7" ht="13.5" customHeight="1" x14ac:dyDescent="0.4">
      <c r="B204" s="5" t="s">
        <v>205</v>
      </c>
      <c r="C204" s="6" t="s">
        <v>8</v>
      </c>
      <c r="D204" s="6">
        <v>30</v>
      </c>
      <c r="E204" s="6">
        <v>2</v>
      </c>
      <c r="F204" s="6">
        <v>1</v>
      </c>
      <c r="G204" s="6">
        <v>211</v>
      </c>
    </row>
    <row r="205" spans="2:7" ht="13.5" customHeight="1" x14ac:dyDescent="0.4">
      <c r="B205" s="5" t="s">
        <v>206</v>
      </c>
      <c r="C205" s="6" t="s">
        <v>8</v>
      </c>
      <c r="D205" s="6">
        <v>30</v>
      </c>
      <c r="E205" s="6">
        <v>2</v>
      </c>
      <c r="F205" s="6">
        <v>1</v>
      </c>
      <c r="G205" s="6">
        <v>211</v>
      </c>
    </row>
    <row r="206" spans="2:7" ht="13.5" customHeight="1" x14ac:dyDescent="0.4">
      <c r="B206" s="5" t="s">
        <v>207</v>
      </c>
      <c r="C206" s="6" t="s">
        <v>8</v>
      </c>
      <c r="D206" s="6">
        <v>30</v>
      </c>
      <c r="E206" s="6">
        <v>2</v>
      </c>
      <c r="F206" s="6">
        <v>1</v>
      </c>
      <c r="G206" s="6">
        <v>211</v>
      </c>
    </row>
    <row r="207" spans="2:7" ht="13.5" customHeight="1" x14ac:dyDescent="0.4">
      <c r="B207" s="5" t="s">
        <v>208</v>
      </c>
      <c r="C207" s="6" t="s">
        <v>8</v>
      </c>
      <c r="D207" s="6">
        <v>30</v>
      </c>
      <c r="E207" s="6">
        <v>2</v>
      </c>
      <c r="F207" s="6">
        <v>1</v>
      </c>
      <c r="G207" s="6">
        <v>211</v>
      </c>
    </row>
    <row r="208" spans="2:7" ht="13.5" customHeight="1" x14ac:dyDescent="0.4">
      <c r="B208" s="5" t="s">
        <v>209</v>
      </c>
      <c r="C208" s="6" t="s">
        <v>8</v>
      </c>
      <c r="D208" s="6">
        <v>30</v>
      </c>
      <c r="E208" s="6">
        <v>2</v>
      </c>
      <c r="F208" s="6">
        <v>1</v>
      </c>
      <c r="G208" s="6">
        <v>211</v>
      </c>
    </row>
    <row r="209" spans="2:7" ht="13.5" customHeight="1" x14ac:dyDescent="0.4">
      <c r="B209" s="5" t="s">
        <v>210</v>
      </c>
      <c r="C209" s="6" t="s">
        <v>8</v>
      </c>
      <c r="D209" s="6">
        <v>30</v>
      </c>
      <c r="E209" s="6">
        <v>2</v>
      </c>
      <c r="F209" s="6">
        <v>1</v>
      </c>
      <c r="G209" s="6">
        <v>211</v>
      </c>
    </row>
    <row r="210" spans="2:7" ht="13.5" customHeight="1" x14ac:dyDescent="0.4">
      <c r="B210" s="5" t="s">
        <v>211</v>
      </c>
      <c r="C210" s="6" t="s">
        <v>8</v>
      </c>
      <c r="D210" s="6">
        <v>30</v>
      </c>
      <c r="E210" s="6">
        <v>2</v>
      </c>
      <c r="F210" s="6">
        <v>1</v>
      </c>
      <c r="G210" s="6">
        <v>211</v>
      </c>
    </row>
    <row r="211" spans="2:7" ht="13.5" customHeight="1" x14ac:dyDescent="0.4">
      <c r="B211" s="5" t="s">
        <v>212</v>
      </c>
      <c r="C211" s="6" t="s">
        <v>8</v>
      </c>
      <c r="D211" s="6">
        <v>30</v>
      </c>
      <c r="E211" s="6">
        <v>2</v>
      </c>
      <c r="F211" s="6">
        <v>1</v>
      </c>
      <c r="G211" s="6">
        <v>211</v>
      </c>
    </row>
    <row r="212" spans="2:7" ht="13.5" customHeight="1" x14ac:dyDescent="0.4">
      <c r="B212" s="5" t="s">
        <v>213</v>
      </c>
      <c r="C212" s="6" t="s">
        <v>8</v>
      </c>
      <c r="D212" s="6">
        <v>30</v>
      </c>
      <c r="E212" s="6">
        <v>2</v>
      </c>
      <c r="F212" s="6">
        <v>1</v>
      </c>
      <c r="G212" s="6">
        <v>211</v>
      </c>
    </row>
    <row r="213" spans="2:7" ht="13.5" customHeight="1" x14ac:dyDescent="0.4">
      <c r="B213" s="5" t="s">
        <v>214</v>
      </c>
      <c r="C213" s="6" t="s">
        <v>8</v>
      </c>
      <c r="D213" s="6">
        <v>30</v>
      </c>
      <c r="E213" s="6">
        <v>2</v>
      </c>
      <c r="F213" s="6">
        <v>1</v>
      </c>
      <c r="G213" s="6">
        <v>211</v>
      </c>
    </row>
    <row r="214" spans="2:7" ht="13.5" customHeight="1" x14ac:dyDescent="0.4">
      <c r="B214" s="5" t="s">
        <v>215</v>
      </c>
      <c r="C214" s="6" t="s">
        <v>8</v>
      </c>
      <c r="D214" s="6">
        <v>30</v>
      </c>
      <c r="E214" s="6">
        <v>2</v>
      </c>
      <c r="F214" s="6">
        <v>1</v>
      </c>
      <c r="G214" s="6">
        <v>211</v>
      </c>
    </row>
    <row r="215" spans="2:7" ht="13.5" customHeight="1" x14ac:dyDescent="0.4">
      <c r="B215" s="5" t="s">
        <v>216</v>
      </c>
      <c r="C215" s="6" t="s">
        <v>8</v>
      </c>
      <c r="D215" s="6">
        <v>30</v>
      </c>
      <c r="E215" s="6">
        <v>2</v>
      </c>
      <c r="F215" s="6">
        <v>1</v>
      </c>
      <c r="G215" s="6">
        <v>211</v>
      </c>
    </row>
    <row r="216" spans="2:7" ht="13.5" customHeight="1" x14ac:dyDescent="0.4">
      <c r="B216" s="5" t="s">
        <v>217</v>
      </c>
      <c r="C216" s="6" t="s">
        <v>8</v>
      </c>
      <c r="D216" s="6">
        <v>30</v>
      </c>
      <c r="E216" s="6">
        <v>2</v>
      </c>
      <c r="F216" s="6">
        <v>1</v>
      </c>
      <c r="G216" s="6">
        <v>211</v>
      </c>
    </row>
    <row r="217" spans="2:7" ht="13.5" customHeight="1" x14ac:dyDescent="0.4">
      <c r="B217" s="5" t="s">
        <v>218</v>
      </c>
      <c r="C217" s="6" t="s">
        <v>8</v>
      </c>
      <c r="D217" s="6">
        <v>30</v>
      </c>
      <c r="E217" s="6">
        <v>2</v>
      </c>
      <c r="F217" s="6">
        <v>1</v>
      </c>
      <c r="G217" s="6">
        <v>211</v>
      </c>
    </row>
    <row r="218" spans="2:7" ht="13.5" customHeight="1" x14ac:dyDescent="0.4">
      <c r="B218" s="5" t="s">
        <v>219</v>
      </c>
      <c r="C218" s="6" t="s">
        <v>8</v>
      </c>
      <c r="D218" s="6">
        <v>30</v>
      </c>
      <c r="E218" s="6">
        <v>2</v>
      </c>
      <c r="F218" s="6">
        <v>1</v>
      </c>
      <c r="G218" s="6">
        <v>211</v>
      </c>
    </row>
    <row r="219" spans="2:7" ht="13.5" customHeight="1" x14ac:dyDescent="0.4">
      <c r="B219" s="5" t="s">
        <v>220</v>
      </c>
      <c r="C219" s="6" t="s">
        <v>8</v>
      </c>
      <c r="D219" s="6">
        <v>30</v>
      </c>
      <c r="E219" s="6">
        <v>2</v>
      </c>
      <c r="F219" s="6">
        <v>1</v>
      </c>
      <c r="G219" s="6">
        <v>211</v>
      </c>
    </row>
    <row r="220" spans="2:7" ht="13.5" customHeight="1" x14ac:dyDescent="0.4">
      <c r="B220" s="5" t="s">
        <v>221</v>
      </c>
      <c r="C220" s="6" t="s">
        <v>8</v>
      </c>
      <c r="D220" s="6">
        <v>30</v>
      </c>
      <c r="E220" s="6">
        <v>2</v>
      </c>
      <c r="F220" s="6">
        <v>1</v>
      </c>
      <c r="G220" s="6">
        <v>211</v>
      </c>
    </row>
    <row r="221" spans="2:7" ht="13.5" customHeight="1" x14ac:dyDescent="0.4">
      <c r="B221" s="5" t="s">
        <v>222</v>
      </c>
      <c r="C221" s="6" t="s">
        <v>8</v>
      </c>
      <c r="D221" s="6">
        <v>30</v>
      </c>
      <c r="E221" s="6">
        <v>2</v>
      </c>
      <c r="F221" s="6">
        <v>1</v>
      </c>
      <c r="G221" s="6">
        <v>211</v>
      </c>
    </row>
    <row r="222" spans="2:7" ht="13.5" customHeight="1" x14ac:dyDescent="0.4">
      <c r="B222" s="5" t="s">
        <v>223</v>
      </c>
      <c r="C222" s="6" t="s">
        <v>8</v>
      </c>
      <c r="D222" s="6">
        <v>30</v>
      </c>
      <c r="E222" s="6">
        <v>2</v>
      </c>
      <c r="F222" s="6">
        <v>1</v>
      </c>
      <c r="G222" s="6">
        <v>211</v>
      </c>
    </row>
    <row r="223" spans="2:7" ht="13.5" customHeight="1" x14ac:dyDescent="0.4">
      <c r="B223" s="5" t="s">
        <v>224</v>
      </c>
      <c r="C223" s="6" t="s">
        <v>8</v>
      </c>
      <c r="D223" s="6">
        <v>30</v>
      </c>
      <c r="E223" s="6">
        <v>2</v>
      </c>
      <c r="F223" s="6">
        <v>1</v>
      </c>
      <c r="G223" s="6">
        <v>211</v>
      </c>
    </row>
    <row r="224" spans="2:7" ht="13.5" customHeight="1" x14ac:dyDescent="0.4">
      <c r="B224" s="5" t="s">
        <v>225</v>
      </c>
      <c r="C224" s="6" t="s">
        <v>8</v>
      </c>
      <c r="D224" s="6">
        <v>30</v>
      </c>
      <c r="E224" s="6">
        <v>3</v>
      </c>
      <c r="F224" s="6">
        <v>1</v>
      </c>
      <c r="G224" s="6">
        <v>212</v>
      </c>
    </row>
    <row r="225" spans="2:7" ht="13.5" customHeight="1" x14ac:dyDescent="0.4">
      <c r="B225" s="5" t="s">
        <v>226</v>
      </c>
      <c r="C225" s="6" t="s">
        <v>8</v>
      </c>
      <c r="D225" s="6">
        <v>30</v>
      </c>
      <c r="E225" s="6">
        <v>3</v>
      </c>
      <c r="F225" s="6">
        <v>1</v>
      </c>
      <c r="G225" s="6">
        <v>212</v>
      </c>
    </row>
    <row r="226" spans="2:7" ht="13.5" customHeight="1" x14ac:dyDescent="0.4">
      <c r="B226" s="5" t="s">
        <v>227</v>
      </c>
      <c r="C226" s="6" t="s">
        <v>8</v>
      </c>
      <c r="D226" s="6">
        <v>30</v>
      </c>
      <c r="E226" s="6">
        <v>3</v>
      </c>
      <c r="F226" s="6">
        <v>1</v>
      </c>
      <c r="G226" s="6">
        <v>212</v>
      </c>
    </row>
    <row r="227" spans="2:7" ht="13.5" customHeight="1" x14ac:dyDescent="0.4">
      <c r="B227" s="5" t="s">
        <v>11</v>
      </c>
      <c r="C227" s="6" t="s">
        <v>8</v>
      </c>
      <c r="D227" s="6">
        <v>30</v>
      </c>
      <c r="E227" s="6">
        <v>3</v>
      </c>
      <c r="F227" s="6">
        <v>1</v>
      </c>
      <c r="G227" s="6">
        <v>212</v>
      </c>
    </row>
    <row r="228" spans="2:7" ht="13.5" customHeight="1" x14ac:dyDescent="0.4">
      <c r="B228" s="5" t="s">
        <v>228</v>
      </c>
      <c r="C228" s="6" t="s">
        <v>8</v>
      </c>
      <c r="D228" s="6">
        <v>30</v>
      </c>
      <c r="E228" s="6">
        <v>3</v>
      </c>
      <c r="F228" s="6">
        <v>1</v>
      </c>
      <c r="G228" s="6">
        <v>212</v>
      </c>
    </row>
    <row r="229" spans="2:7" ht="13.5" customHeight="1" x14ac:dyDescent="0.4">
      <c r="B229" s="5" t="s">
        <v>229</v>
      </c>
      <c r="C229" s="6" t="s">
        <v>8</v>
      </c>
      <c r="D229" s="6">
        <v>30</v>
      </c>
      <c r="E229" s="6">
        <v>3</v>
      </c>
      <c r="F229" s="6">
        <v>1</v>
      </c>
      <c r="G229" s="6">
        <v>212</v>
      </c>
    </row>
    <row r="230" spans="2:7" ht="13.5" customHeight="1" x14ac:dyDescent="0.4">
      <c r="B230" s="5" t="s">
        <v>230</v>
      </c>
      <c r="C230" s="6" t="s">
        <v>8</v>
      </c>
      <c r="D230" s="6">
        <v>30</v>
      </c>
      <c r="E230" s="6">
        <v>3</v>
      </c>
      <c r="F230" s="6">
        <v>1</v>
      </c>
      <c r="G230" s="6">
        <v>212</v>
      </c>
    </row>
    <row r="231" spans="2:7" ht="13.5" customHeight="1" x14ac:dyDescent="0.4">
      <c r="B231" s="5" t="s">
        <v>231</v>
      </c>
      <c r="C231" s="6" t="s">
        <v>8</v>
      </c>
      <c r="D231" s="6">
        <v>30</v>
      </c>
      <c r="E231" s="6">
        <v>3</v>
      </c>
      <c r="F231" s="6">
        <v>1</v>
      </c>
      <c r="G231" s="6">
        <v>212</v>
      </c>
    </row>
    <row r="232" spans="2:7" ht="13.5" customHeight="1" x14ac:dyDescent="0.4">
      <c r="B232" s="5" t="s">
        <v>232</v>
      </c>
      <c r="C232" s="6" t="s">
        <v>8</v>
      </c>
      <c r="D232" s="6">
        <v>30</v>
      </c>
      <c r="E232" s="6">
        <v>3</v>
      </c>
      <c r="F232" s="6">
        <v>1</v>
      </c>
      <c r="G232" s="6">
        <v>212</v>
      </c>
    </row>
    <row r="233" spans="2:7" ht="13.5" customHeight="1" x14ac:dyDescent="0.4">
      <c r="B233" s="5" t="s">
        <v>233</v>
      </c>
      <c r="C233" s="6" t="s">
        <v>8</v>
      </c>
      <c r="D233" s="6">
        <v>30</v>
      </c>
      <c r="E233" s="6">
        <v>3</v>
      </c>
      <c r="F233" s="6">
        <v>1</v>
      </c>
      <c r="G233" s="6">
        <v>212</v>
      </c>
    </row>
    <row r="234" spans="2:7" ht="13.5" customHeight="1" x14ac:dyDescent="0.4">
      <c r="B234" s="5" t="s">
        <v>234</v>
      </c>
      <c r="C234" s="6" t="s">
        <v>8</v>
      </c>
      <c r="D234" s="6">
        <v>30</v>
      </c>
      <c r="E234" s="6">
        <v>3</v>
      </c>
      <c r="F234" s="6">
        <v>1</v>
      </c>
      <c r="G234" s="6">
        <v>212</v>
      </c>
    </row>
    <row r="235" spans="2:7" ht="13.5" customHeight="1" x14ac:dyDescent="0.4">
      <c r="B235" s="5" t="s">
        <v>235</v>
      </c>
      <c r="C235" s="6" t="s">
        <v>8</v>
      </c>
      <c r="D235" s="6">
        <v>30</v>
      </c>
      <c r="E235" s="6">
        <v>3</v>
      </c>
      <c r="F235" s="6">
        <v>1</v>
      </c>
      <c r="G235" s="6">
        <v>212</v>
      </c>
    </row>
    <row r="236" spans="2:7" ht="13.5" customHeight="1" x14ac:dyDescent="0.4">
      <c r="B236" s="5" t="s">
        <v>236</v>
      </c>
      <c r="C236" s="6" t="s">
        <v>8</v>
      </c>
      <c r="D236" s="6">
        <v>30</v>
      </c>
      <c r="E236" s="6">
        <v>3</v>
      </c>
      <c r="F236" s="6">
        <v>1</v>
      </c>
      <c r="G236" s="6">
        <v>212</v>
      </c>
    </row>
    <row r="237" spans="2:7" ht="13.5" customHeight="1" x14ac:dyDescent="0.4">
      <c r="B237" s="5" t="s">
        <v>237</v>
      </c>
      <c r="C237" s="6" t="s">
        <v>8</v>
      </c>
      <c r="D237" s="6">
        <v>30</v>
      </c>
      <c r="E237" s="6">
        <v>3</v>
      </c>
      <c r="F237" s="6">
        <v>1</v>
      </c>
      <c r="G237" s="6">
        <v>212</v>
      </c>
    </row>
    <row r="238" spans="2:7" ht="13.5" customHeight="1" x14ac:dyDescent="0.4">
      <c r="B238" s="5" t="s">
        <v>238</v>
      </c>
      <c r="C238" s="6" t="s">
        <v>8</v>
      </c>
      <c r="D238" s="6">
        <v>30</v>
      </c>
      <c r="E238" s="6">
        <v>3</v>
      </c>
      <c r="F238" s="6">
        <v>1</v>
      </c>
      <c r="G238" s="6">
        <v>212</v>
      </c>
    </row>
    <row r="239" spans="2:7" ht="13.5" customHeight="1" x14ac:dyDescent="0.4">
      <c r="B239" s="5" t="s">
        <v>239</v>
      </c>
      <c r="C239" s="6" t="s">
        <v>8</v>
      </c>
      <c r="D239" s="6">
        <v>30</v>
      </c>
      <c r="E239" s="6">
        <v>3</v>
      </c>
      <c r="F239" s="6">
        <v>1</v>
      </c>
      <c r="G239" s="6">
        <v>212</v>
      </c>
    </row>
    <row r="240" spans="2:7" ht="13.5" customHeight="1" x14ac:dyDescent="0.4">
      <c r="B240" s="5" t="s">
        <v>240</v>
      </c>
      <c r="C240" s="6" t="s">
        <v>8</v>
      </c>
      <c r="D240" s="6">
        <v>30</v>
      </c>
      <c r="E240" s="6">
        <v>3</v>
      </c>
      <c r="F240" s="6">
        <v>1</v>
      </c>
      <c r="G240" s="6">
        <v>212</v>
      </c>
    </row>
    <row r="241" spans="2:7" ht="13.5" customHeight="1" x14ac:dyDescent="0.4">
      <c r="B241" s="5" t="s">
        <v>241</v>
      </c>
      <c r="C241" s="6" t="s">
        <v>8</v>
      </c>
      <c r="D241" s="6">
        <v>30</v>
      </c>
      <c r="E241" s="6">
        <v>3</v>
      </c>
      <c r="F241" s="6">
        <v>1</v>
      </c>
      <c r="G241" s="6">
        <v>212</v>
      </c>
    </row>
    <row r="242" spans="2:7" ht="13.5" customHeight="1" x14ac:dyDescent="0.4">
      <c r="B242" s="5" t="s">
        <v>242</v>
      </c>
      <c r="C242" s="6" t="s">
        <v>8</v>
      </c>
      <c r="D242" s="6">
        <v>30</v>
      </c>
      <c r="E242" s="6">
        <v>3</v>
      </c>
      <c r="F242" s="6">
        <v>1</v>
      </c>
      <c r="G242" s="6">
        <v>212</v>
      </c>
    </row>
    <row r="243" spans="2:7" ht="13.5" customHeight="1" x14ac:dyDescent="0.4">
      <c r="B243" s="5" t="s">
        <v>243</v>
      </c>
      <c r="C243" s="6" t="s">
        <v>8</v>
      </c>
      <c r="D243" s="6">
        <v>30</v>
      </c>
      <c r="E243" s="6">
        <v>3</v>
      </c>
      <c r="F243" s="6">
        <v>1</v>
      </c>
      <c r="G243" s="6">
        <v>212</v>
      </c>
    </row>
    <row r="244" spans="2:7" ht="13.5" customHeight="1" x14ac:dyDescent="0.4">
      <c r="B244" s="5" t="s">
        <v>244</v>
      </c>
      <c r="C244" s="6" t="s">
        <v>8</v>
      </c>
      <c r="D244" s="6">
        <v>30</v>
      </c>
      <c r="E244" s="6">
        <v>3</v>
      </c>
      <c r="F244" s="6">
        <v>1</v>
      </c>
      <c r="G244" s="6">
        <v>212</v>
      </c>
    </row>
    <row r="245" spans="2:7" ht="13.5" customHeight="1" x14ac:dyDescent="0.4">
      <c r="B245" s="5" t="s">
        <v>245</v>
      </c>
      <c r="C245" s="6" t="s">
        <v>8</v>
      </c>
      <c r="D245" s="6">
        <v>30</v>
      </c>
      <c r="E245" s="6">
        <v>3</v>
      </c>
      <c r="F245" s="6">
        <v>1</v>
      </c>
      <c r="G245" s="6">
        <v>212</v>
      </c>
    </row>
    <row r="246" spans="2:7" ht="13.5" customHeight="1" x14ac:dyDescent="0.4">
      <c r="B246" s="5" t="s">
        <v>246</v>
      </c>
      <c r="C246" s="6" t="s">
        <v>8</v>
      </c>
      <c r="D246" s="6">
        <v>30</v>
      </c>
      <c r="E246" s="6">
        <v>3</v>
      </c>
      <c r="F246" s="6">
        <v>1</v>
      </c>
      <c r="G246" s="6">
        <v>212</v>
      </c>
    </row>
    <row r="247" spans="2:7" ht="13.5" customHeight="1" x14ac:dyDescent="0.4">
      <c r="B247" s="5" t="s">
        <v>247</v>
      </c>
      <c r="C247" s="6" t="s">
        <v>8</v>
      </c>
      <c r="D247" s="6">
        <v>30</v>
      </c>
      <c r="E247" s="6">
        <v>3</v>
      </c>
      <c r="F247" s="6">
        <v>1</v>
      </c>
      <c r="G247" s="6">
        <v>212</v>
      </c>
    </row>
    <row r="248" spans="2:7" ht="13.5" customHeight="1" x14ac:dyDescent="0.4">
      <c r="B248" s="5" t="s">
        <v>248</v>
      </c>
      <c r="C248" s="6" t="s">
        <v>8</v>
      </c>
      <c r="D248" s="6">
        <v>30</v>
      </c>
      <c r="E248" s="6">
        <v>3</v>
      </c>
      <c r="F248" s="6">
        <v>1</v>
      </c>
      <c r="G248" s="6">
        <v>212</v>
      </c>
    </row>
    <row r="249" spans="2:7" ht="13.5" customHeight="1" x14ac:dyDescent="0.4">
      <c r="B249" s="5" t="s">
        <v>249</v>
      </c>
      <c r="C249" s="6" t="s">
        <v>8</v>
      </c>
      <c r="D249" s="6">
        <v>30</v>
      </c>
      <c r="E249" s="6">
        <v>3</v>
      </c>
      <c r="F249" s="6">
        <v>1</v>
      </c>
      <c r="G249" s="6">
        <v>212</v>
      </c>
    </row>
    <row r="250" spans="2:7" ht="13.5" customHeight="1" x14ac:dyDescent="0.4">
      <c r="B250" s="5" t="s">
        <v>250</v>
      </c>
      <c r="C250" s="6" t="s">
        <v>8</v>
      </c>
      <c r="D250" s="6">
        <v>30</v>
      </c>
      <c r="E250" s="6">
        <v>3</v>
      </c>
      <c r="F250" s="6">
        <v>1</v>
      </c>
      <c r="G250" s="6">
        <v>212</v>
      </c>
    </row>
    <row r="251" spans="2:7" ht="13.5" customHeight="1" x14ac:dyDescent="0.4">
      <c r="B251" s="5" t="s">
        <v>251</v>
      </c>
      <c r="C251" s="6" t="s">
        <v>8</v>
      </c>
      <c r="D251" s="6">
        <v>30</v>
      </c>
      <c r="E251" s="6">
        <v>3</v>
      </c>
      <c r="F251" s="6">
        <v>1</v>
      </c>
      <c r="G251" s="6">
        <v>212</v>
      </c>
    </row>
    <row r="252" spans="2:7" ht="13.5" customHeight="1" x14ac:dyDescent="0.4">
      <c r="B252" s="5" t="s">
        <v>252</v>
      </c>
      <c r="C252" s="6" t="s">
        <v>8</v>
      </c>
      <c r="D252" s="6">
        <v>30</v>
      </c>
      <c r="E252" s="6">
        <v>3</v>
      </c>
      <c r="F252" s="6">
        <v>1</v>
      </c>
      <c r="G252" s="6">
        <v>212</v>
      </c>
    </row>
    <row r="253" spans="2:7" ht="13.5" customHeight="1" x14ac:dyDescent="0.4">
      <c r="B253" s="5" t="s">
        <v>253</v>
      </c>
      <c r="C253" s="6" t="s">
        <v>8</v>
      </c>
      <c r="D253" s="6">
        <v>30</v>
      </c>
      <c r="E253" s="6">
        <v>3</v>
      </c>
      <c r="F253" s="6">
        <v>1</v>
      </c>
      <c r="G253" s="6">
        <v>212</v>
      </c>
    </row>
    <row r="254" spans="2:7" ht="13.5" customHeight="1" x14ac:dyDescent="0.4">
      <c r="B254" s="5" t="s">
        <v>254</v>
      </c>
      <c r="C254" s="6" t="s">
        <v>8</v>
      </c>
      <c r="D254" s="6">
        <v>30</v>
      </c>
      <c r="E254" s="6">
        <v>3</v>
      </c>
      <c r="F254" s="6">
        <v>1</v>
      </c>
      <c r="G254" s="6">
        <v>212</v>
      </c>
    </row>
    <row r="255" spans="2:7" ht="13.5" customHeight="1" x14ac:dyDescent="0.4">
      <c r="B255" s="5" t="s">
        <v>255</v>
      </c>
      <c r="C255" s="6" t="s">
        <v>8</v>
      </c>
      <c r="D255" s="6">
        <v>30</v>
      </c>
      <c r="E255" s="6">
        <v>3</v>
      </c>
      <c r="F255" s="6">
        <v>1</v>
      </c>
      <c r="G255" s="6">
        <v>212</v>
      </c>
    </row>
    <row r="256" spans="2:7" ht="13.5" customHeight="1" x14ac:dyDescent="0.4">
      <c r="B256" s="5" t="s">
        <v>256</v>
      </c>
      <c r="C256" s="6" t="s">
        <v>8</v>
      </c>
      <c r="D256" s="6">
        <v>30</v>
      </c>
      <c r="E256" s="6">
        <v>3</v>
      </c>
      <c r="F256" s="6">
        <v>1</v>
      </c>
      <c r="G256" s="6">
        <v>212</v>
      </c>
    </row>
    <row r="257" spans="2:7" ht="13.5" customHeight="1" x14ac:dyDescent="0.4">
      <c r="B257" s="5" t="s">
        <v>257</v>
      </c>
      <c r="C257" s="6" t="s">
        <v>8</v>
      </c>
      <c r="D257" s="6">
        <v>30</v>
      </c>
      <c r="E257" s="6">
        <v>3</v>
      </c>
      <c r="F257" s="6">
        <v>1</v>
      </c>
      <c r="G257" s="6">
        <v>212</v>
      </c>
    </row>
    <row r="258" spans="2:7" ht="13.5" customHeight="1" x14ac:dyDescent="0.4">
      <c r="B258" s="5" t="s">
        <v>258</v>
      </c>
      <c r="C258" s="6" t="s">
        <v>8</v>
      </c>
      <c r="D258" s="6">
        <v>30</v>
      </c>
      <c r="E258" s="6">
        <v>3</v>
      </c>
      <c r="F258" s="6">
        <v>1</v>
      </c>
      <c r="G258" s="6">
        <v>212</v>
      </c>
    </row>
    <row r="259" spans="2:7" ht="13.5" customHeight="1" x14ac:dyDescent="0.4">
      <c r="B259" s="5" t="s">
        <v>259</v>
      </c>
      <c r="C259" s="6" t="s">
        <v>8</v>
      </c>
      <c r="D259" s="6">
        <v>30</v>
      </c>
      <c r="E259" s="6">
        <v>3</v>
      </c>
      <c r="F259" s="6">
        <v>1</v>
      </c>
      <c r="G259" s="6">
        <v>212</v>
      </c>
    </row>
    <row r="260" spans="2:7" ht="13.5" customHeight="1" x14ac:dyDescent="0.4">
      <c r="B260" s="5" t="s">
        <v>260</v>
      </c>
      <c r="C260" s="6" t="s">
        <v>8</v>
      </c>
      <c r="D260" s="6">
        <v>30</v>
      </c>
      <c r="E260" s="6">
        <v>3</v>
      </c>
      <c r="F260" s="6">
        <v>1</v>
      </c>
      <c r="G260" s="6">
        <v>212</v>
      </c>
    </row>
    <row r="261" spans="2:7" ht="13.5" customHeight="1" x14ac:dyDescent="0.4">
      <c r="B261" s="5" t="s">
        <v>261</v>
      </c>
      <c r="C261" s="6" t="s">
        <v>8</v>
      </c>
      <c r="D261" s="6">
        <v>30</v>
      </c>
      <c r="E261" s="6">
        <v>3</v>
      </c>
      <c r="F261" s="6">
        <v>1</v>
      </c>
      <c r="G261" s="6">
        <v>212</v>
      </c>
    </row>
    <row r="262" spans="2:7" ht="13.5" customHeight="1" x14ac:dyDescent="0.4">
      <c r="B262" s="5" t="s">
        <v>262</v>
      </c>
      <c r="C262" s="6" t="s">
        <v>8</v>
      </c>
      <c r="D262" s="6">
        <v>30</v>
      </c>
      <c r="E262" s="6">
        <v>3</v>
      </c>
      <c r="F262" s="6">
        <v>1</v>
      </c>
      <c r="G262" s="6">
        <v>212</v>
      </c>
    </row>
    <row r="263" spans="2:7" ht="13.5" customHeight="1" x14ac:dyDescent="0.4">
      <c r="B263" s="5" t="s">
        <v>263</v>
      </c>
      <c r="C263" s="6" t="s">
        <v>8</v>
      </c>
      <c r="D263" s="6">
        <v>30</v>
      </c>
      <c r="E263" s="6">
        <v>3</v>
      </c>
      <c r="F263" s="6">
        <v>1</v>
      </c>
      <c r="G263" s="6">
        <v>212</v>
      </c>
    </row>
    <row r="264" spans="2:7" ht="13.5" customHeight="1" x14ac:dyDescent="0.4">
      <c r="B264" s="5" t="s">
        <v>264</v>
      </c>
      <c r="C264" s="6" t="s">
        <v>8</v>
      </c>
      <c r="D264" s="6">
        <v>30</v>
      </c>
      <c r="E264" s="6">
        <v>3</v>
      </c>
      <c r="F264" s="6">
        <v>1</v>
      </c>
      <c r="G264" s="6">
        <v>212</v>
      </c>
    </row>
    <row r="265" spans="2:7" ht="13.5" customHeight="1" x14ac:dyDescent="0.4">
      <c r="B265" s="5" t="s">
        <v>265</v>
      </c>
      <c r="C265" s="6" t="s">
        <v>8</v>
      </c>
      <c r="D265" s="6">
        <v>30</v>
      </c>
      <c r="E265" s="6">
        <v>3</v>
      </c>
      <c r="F265" s="6">
        <v>1</v>
      </c>
      <c r="G265" s="6">
        <v>212</v>
      </c>
    </row>
    <row r="266" spans="2:7" ht="13.5" customHeight="1" x14ac:dyDescent="0.4">
      <c r="B266" s="5" t="s">
        <v>266</v>
      </c>
      <c r="C266" s="6" t="s">
        <v>8</v>
      </c>
      <c r="D266" s="6">
        <v>30</v>
      </c>
      <c r="E266" s="6">
        <v>3</v>
      </c>
      <c r="F266" s="6">
        <v>1</v>
      </c>
      <c r="G266" s="6">
        <v>212</v>
      </c>
    </row>
    <row r="267" spans="2:7" ht="13.5" customHeight="1" x14ac:dyDescent="0.4">
      <c r="B267" s="5" t="s">
        <v>267</v>
      </c>
      <c r="C267" s="6" t="s">
        <v>8</v>
      </c>
      <c r="D267" s="6">
        <v>30</v>
      </c>
      <c r="E267" s="6">
        <v>3</v>
      </c>
      <c r="F267" s="6">
        <v>1</v>
      </c>
      <c r="G267" s="6">
        <v>212</v>
      </c>
    </row>
    <row r="268" spans="2:7" ht="13.5" customHeight="1" x14ac:dyDescent="0.4">
      <c r="B268" s="5" t="s">
        <v>268</v>
      </c>
      <c r="C268" s="6" t="s">
        <v>8</v>
      </c>
      <c r="D268" s="6">
        <v>30</v>
      </c>
      <c r="E268" s="6">
        <v>3</v>
      </c>
      <c r="F268" s="6">
        <v>1</v>
      </c>
      <c r="G268" s="6">
        <v>212</v>
      </c>
    </row>
    <row r="269" spans="2:7" ht="13.5" customHeight="1" x14ac:dyDescent="0.4">
      <c r="B269" s="5" t="s">
        <v>269</v>
      </c>
      <c r="C269" s="6" t="s">
        <v>8</v>
      </c>
      <c r="D269" s="6">
        <v>30</v>
      </c>
      <c r="E269" s="6">
        <v>3</v>
      </c>
      <c r="F269" s="6">
        <v>1</v>
      </c>
      <c r="G269" s="6">
        <v>212</v>
      </c>
    </row>
    <row r="270" spans="2:7" ht="13.5" customHeight="1" x14ac:dyDescent="0.4">
      <c r="B270" s="5" t="s">
        <v>270</v>
      </c>
      <c r="C270" s="6" t="s">
        <v>8</v>
      </c>
      <c r="D270" s="6">
        <v>30</v>
      </c>
      <c r="E270" s="6">
        <v>3</v>
      </c>
      <c r="F270" s="6">
        <v>1</v>
      </c>
      <c r="G270" s="6">
        <v>212</v>
      </c>
    </row>
    <row r="271" spans="2:7" ht="13.5" customHeight="1" x14ac:dyDescent="0.4">
      <c r="B271" s="5" t="s">
        <v>271</v>
      </c>
      <c r="C271" s="6" t="s">
        <v>8</v>
      </c>
      <c r="D271" s="6">
        <v>30</v>
      </c>
      <c r="E271" s="6">
        <v>3</v>
      </c>
      <c r="F271" s="6">
        <v>1</v>
      </c>
      <c r="G271" s="6">
        <v>212</v>
      </c>
    </row>
    <row r="272" spans="2:7" ht="13.5" customHeight="1" x14ac:dyDescent="0.4">
      <c r="B272" s="5" t="s">
        <v>272</v>
      </c>
      <c r="C272" s="6" t="s">
        <v>8</v>
      </c>
      <c r="D272" s="6">
        <v>30</v>
      </c>
      <c r="E272" s="6">
        <v>3</v>
      </c>
      <c r="F272" s="6">
        <v>1</v>
      </c>
      <c r="G272" s="6">
        <v>212</v>
      </c>
    </row>
    <row r="273" spans="2:7" ht="13.5" customHeight="1" x14ac:dyDescent="0.4">
      <c r="B273" s="5" t="s">
        <v>273</v>
      </c>
      <c r="C273" s="6" t="s">
        <v>8</v>
      </c>
      <c r="D273" s="6">
        <v>30</v>
      </c>
      <c r="E273" s="6">
        <v>3</v>
      </c>
      <c r="F273" s="6">
        <v>1</v>
      </c>
      <c r="G273" s="6">
        <v>212</v>
      </c>
    </row>
    <row r="274" spans="2:7" ht="13.5" customHeight="1" x14ac:dyDescent="0.4">
      <c r="B274" s="5" t="s">
        <v>274</v>
      </c>
      <c r="C274" s="6" t="s">
        <v>8</v>
      </c>
      <c r="D274" s="6">
        <v>30</v>
      </c>
      <c r="E274" s="6">
        <v>3</v>
      </c>
      <c r="F274" s="6">
        <v>1</v>
      </c>
      <c r="G274" s="6">
        <v>212</v>
      </c>
    </row>
    <row r="275" spans="2:7" ht="13.5" customHeight="1" x14ac:dyDescent="0.4">
      <c r="B275" s="5" t="s">
        <v>275</v>
      </c>
      <c r="C275" s="6" t="s">
        <v>8</v>
      </c>
      <c r="D275" s="6">
        <v>30</v>
      </c>
      <c r="E275" s="6">
        <v>3</v>
      </c>
      <c r="F275" s="6">
        <v>1</v>
      </c>
      <c r="G275" s="6">
        <v>212</v>
      </c>
    </row>
    <row r="276" spans="2:7" ht="13.5" customHeight="1" x14ac:dyDescent="0.4">
      <c r="B276" s="5" t="s">
        <v>276</v>
      </c>
      <c r="C276" s="6" t="s">
        <v>8</v>
      </c>
      <c r="D276" s="6">
        <v>30</v>
      </c>
      <c r="E276" s="6">
        <v>3</v>
      </c>
      <c r="F276" s="6">
        <v>1</v>
      </c>
      <c r="G276" s="6">
        <v>212</v>
      </c>
    </row>
    <row r="277" spans="2:7" ht="13.5" customHeight="1" x14ac:dyDescent="0.4">
      <c r="B277" s="5" t="s">
        <v>277</v>
      </c>
      <c r="C277" s="6" t="s">
        <v>8</v>
      </c>
      <c r="D277" s="6">
        <v>30</v>
      </c>
      <c r="E277" s="6">
        <v>3</v>
      </c>
      <c r="F277" s="6">
        <v>1</v>
      </c>
      <c r="G277" s="6">
        <v>212</v>
      </c>
    </row>
    <row r="278" spans="2:7" ht="13.5" customHeight="1" x14ac:dyDescent="0.4">
      <c r="B278" s="5" t="s">
        <v>278</v>
      </c>
      <c r="C278" s="6" t="s">
        <v>8</v>
      </c>
      <c r="D278" s="6">
        <v>30</v>
      </c>
      <c r="E278" s="6">
        <v>3</v>
      </c>
      <c r="F278" s="6">
        <v>1</v>
      </c>
      <c r="G278" s="6">
        <v>212</v>
      </c>
    </row>
    <row r="279" spans="2:7" ht="13.5" customHeight="1" x14ac:dyDescent="0.4">
      <c r="B279" s="5" t="s">
        <v>279</v>
      </c>
      <c r="C279" s="6" t="s">
        <v>8</v>
      </c>
      <c r="D279" s="6">
        <v>30</v>
      </c>
      <c r="E279" s="6">
        <v>3</v>
      </c>
      <c r="F279" s="6">
        <v>1</v>
      </c>
      <c r="G279" s="6">
        <v>212</v>
      </c>
    </row>
    <row r="280" spans="2:7" ht="13.5" customHeight="1" x14ac:dyDescent="0.4">
      <c r="B280" s="5" t="s">
        <v>280</v>
      </c>
      <c r="C280" s="6" t="s">
        <v>8</v>
      </c>
      <c r="D280" s="6">
        <v>30</v>
      </c>
      <c r="E280" s="6">
        <v>3</v>
      </c>
      <c r="F280" s="6">
        <v>1</v>
      </c>
      <c r="G280" s="6">
        <v>212</v>
      </c>
    </row>
    <row r="281" spans="2:7" ht="13.5" customHeight="1" x14ac:dyDescent="0.4">
      <c r="B281" s="5" t="s">
        <v>281</v>
      </c>
      <c r="C281" s="6" t="s">
        <v>8</v>
      </c>
      <c r="D281" s="6">
        <v>30</v>
      </c>
      <c r="E281" s="6">
        <v>3</v>
      </c>
      <c r="F281" s="6">
        <v>1</v>
      </c>
      <c r="G281" s="6">
        <v>212</v>
      </c>
    </row>
    <row r="282" spans="2:7" ht="13.5" customHeight="1" x14ac:dyDescent="0.4">
      <c r="B282" s="5" t="s">
        <v>282</v>
      </c>
      <c r="C282" s="6" t="s">
        <v>8</v>
      </c>
      <c r="D282" s="6">
        <v>30</v>
      </c>
      <c r="E282" s="6">
        <v>3</v>
      </c>
      <c r="F282" s="6">
        <v>1</v>
      </c>
      <c r="G282" s="6">
        <v>212</v>
      </c>
    </row>
    <row r="283" spans="2:7" ht="13.5" customHeight="1" x14ac:dyDescent="0.4">
      <c r="B283" s="5" t="s">
        <v>283</v>
      </c>
      <c r="C283" s="6" t="s">
        <v>8</v>
      </c>
      <c r="D283" s="6">
        <v>30</v>
      </c>
      <c r="E283" s="6">
        <v>3</v>
      </c>
      <c r="F283" s="6">
        <v>1</v>
      </c>
      <c r="G283" s="6">
        <v>212</v>
      </c>
    </row>
    <row r="284" spans="2:7" ht="13.5" customHeight="1" x14ac:dyDescent="0.4">
      <c r="B284" s="5" t="s">
        <v>284</v>
      </c>
      <c r="C284" s="6" t="s">
        <v>8</v>
      </c>
      <c r="D284" s="6">
        <v>30</v>
      </c>
      <c r="E284" s="6">
        <v>3</v>
      </c>
      <c r="F284" s="6">
        <v>1</v>
      </c>
      <c r="G284" s="6">
        <v>212</v>
      </c>
    </row>
    <row r="285" spans="2:7" ht="13.5" customHeight="1" x14ac:dyDescent="0.4">
      <c r="B285" s="5" t="s">
        <v>285</v>
      </c>
      <c r="C285" s="6" t="s">
        <v>8</v>
      </c>
      <c r="D285" s="6">
        <v>30</v>
      </c>
      <c r="E285" s="6">
        <v>3</v>
      </c>
      <c r="F285" s="6">
        <v>1</v>
      </c>
      <c r="G285" s="6">
        <v>212</v>
      </c>
    </row>
    <row r="286" spans="2:7" ht="13.5" customHeight="1" x14ac:dyDescent="0.4">
      <c r="B286" s="5" t="s">
        <v>286</v>
      </c>
      <c r="C286" s="6" t="s">
        <v>8</v>
      </c>
      <c r="D286" s="6">
        <v>30</v>
      </c>
      <c r="E286" s="6">
        <v>3</v>
      </c>
      <c r="F286" s="6">
        <v>1</v>
      </c>
      <c r="G286" s="6">
        <v>212</v>
      </c>
    </row>
    <row r="287" spans="2:7" ht="13.5" customHeight="1" x14ac:dyDescent="0.4">
      <c r="B287" s="5" t="s">
        <v>287</v>
      </c>
      <c r="C287" s="6" t="s">
        <v>8</v>
      </c>
      <c r="D287" s="6">
        <v>30</v>
      </c>
      <c r="E287" s="6">
        <v>3</v>
      </c>
      <c r="F287" s="6">
        <v>1</v>
      </c>
      <c r="G287" s="6">
        <v>212</v>
      </c>
    </row>
    <row r="288" spans="2:7" ht="13.5" customHeight="1" x14ac:dyDescent="0.4">
      <c r="B288" s="5" t="s">
        <v>288</v>
      </c>
      <c r="C288" s="6" t="s">
        <v>8</v>
      </c>
      <c r="D288" s="6">
        <v>30</v>
      </c>
      <c r="E288" s="6">
        <v>3</v>
      </c>
      <c r="F288" s="6">
        <v>1</v>
      </c>
      <c r="G288" s="6">
        <v>212</v>
      </c>
    </row>
    <row r="289" spans="2:7" ht="13.5" customHeight="1" x14ac:dyDescent="0.4">
      <c r="B289" s="5" t="s">
        <v>289</v>
      </c>
      <c r="C289" s="6" t="s">
        <v>8</v>
      </c>
      <c r="D289" s="6">
        <v>30</v>
      </c>
      <c r="E289" s="6">
        <v>3</v>
      </c>
      <c r="F289" s="6">
        <v>1</v>
      </c>
      <c r="G289" s="6">
        <v>212</v>
      </c>
    </row>
    <row r="290" spans="2:7" ht="13.5" customHeight="1" x14ac:dyDescent="0.4">
      <c r="B290" s="5" t="s">
        <v>290</v>
      </c>
      <c r="C290" s="6" t="s">
        <v>8</v>
      </c>
      <c r="D290" s="6">
        <v>30</v>
      </c>
      <c r="E290" s="6">
        <v>3</v>
      </c>
      <c r="F290" s="6">
        <v>1</v>
      </c>
      <c r="G290" s="6">
        <v>212</v>
      </c>
    </row>
    <row r="291" spans="2:7" ht="13.5" customHeight="1" x14ac:dyDescent="0.4">
      <c r="B291" s="5" t="s">
        <v>291</v>
      </c>
      <c r="C291" s="6" t="s">
        <v>8</v>
      </c>
      <c r="D291" s="6">
        <v>30</v>
      </c>
      <c r="E291" s="6">
        <v>3</v>
      </c>
      <c r="F291" s="6">
        <v>1</v>
      </c>
      <c r="G291" s="6">
        <v>212</v>
      </c>
    </row>
    <row r="292" spans="2:7" ht="13.5" customHeight="1" x14ac:dyDescent="0.4">
      <c r="B292" s="5" t="s">
        <v>292</v>
      </c>
      <c r="C292" s="6" t="s">
        <v>8</v>
      </c>
      <c r="D292" s="6">
        <v>30</v>
      </c>
      <c r="E292" s="6">
        <v>3</v>
      </c>
      <c r="F292" s="6">
        <v>1</v>
      </c>
      <c r="G292" s="6">
        <v>212</v>
      </c>
    </row>
    <row r="293" spans="2:7" ht="13.5" customHeight="1" x14ac:dyDescent="0.4">
      <c r="B293" s="5" t="s">
        <v>293</v>
      </c>
      <c r="C293" s="6" t="s">
        <v>8</v>
      </c>
      <c r="D293" s="6">
        <v>30</v>
      </c>
      <c r="E293" s="6">
        <v>3</v>
      </c>
      <c r="F293" s="6">
        <v>1</v>
      </c>
      <c r="G293" s="6">
        <v>212</v>
      </c>
    </row>
    <row r="294" spans="2:7" ht="13.5" customHeight="1" x14ac:dyDescent="0.4">
      <c r="B294" s="5" t="s">
        <v>294</v>
      </c>
      <c r="C294" s="6" t="s">
        <v>8</v>
      </c>
      <c r="D294" s="6">
        <v>30</v>
      </c>
      <c r="E294" s="6">
        <v>3</v>
      </c>
      <c r="F294" s="6">
        <v>1</v>
      </c>
      <c r="G294" s="6">
        <v>212</v>
      </c>
    </row>
    <row r="295" spans="2:7" ht="13.5" customHeight="1" x14ac:dyDescent="0.4">
      <c r="B295" s="5" t="s">
        <v>295</v>
      </c>
      <c r="C295" s="6" t="s">
        <v>8</v>
      </c>
      <c r="D295" s="6">
        <v>30</v>
      </c>
      <c r="E295" s="6">
        <v>3</v>
      </c>
      <c r="F295" s="6">
        <v>1</v>
      </c>
      <c r="G295" s="6">
        <v>212</v>
      </c>
    </row>
    <row r="296" spans="2:7" ht="13.5" customHeight="1" x14ac:dyDescent="0.4">
      <c r="B296" s="5" t="s">
        <v>296</v>
      </c>
      <c r="C296" s="6" t="s">
        <v>8</v>
      </c>
      <c r="D296" s="6">
        <v>30</v>
      </c>
      <c r="E296" s="6">
        <v>3</v>
      </c>
      <c r="F296" s="6">
        <v>1</v>
      </c>
      <c r="G296" s="6">
        <v>212</v>
      </c>
    </row>
    <row r="297" spans="2:7" ht="13.5" customHeight="1" x14ac:dyDescent="0.4">
      <c r="B297" s="5" t="s">
        <v>297</v>
      </c>
      <c r="C297" s="6" t="s">
        <v>8</v>
      </c>
      <c r="D297" s="6">
        <v>30</v>
      </c>
      <c r="E297" s="6">
        <v>3</v>
      </c>
      <c r="F297" s="6">
        <v>1</v>
      </c>
      <c r="G297" s="6">
        <v>212</v>
      </c>
    </row>
    <row r="298" spans="2:7" ht="13.5" customHeight="1" x14ac:dyDescent="0.4">
      <c r="B298" s="5" t="s">
        <v>298</v>
      </c>
      <c r="C298" s="6" t="s">
        <v>8</v>
      </c>
      <c r="D298" s="6">
        <v>30</v>
      </c>
      <c r="E298" s="6">
        <v>4</v>
      </c>
      <c r="F298" s="6">
        <v>1</v>
      </c>
      <c r="G298" s="6">
        <v>213</v>
      </c>
    </row>
    <row r="299" spans="2:7" ht="13.5" customHeight="1" x14ac:dyDescent="0.4">
      <c r="B299" s="5" t="s">
        <v>299</v>
      </c>
      <c r="C299" s="6" t="s">
        <v>8</v>
      </c>
      <c r="D299" s="6">
        <v>30</v>
      </c>
      <c r="E299" s="6">
        <v>4</v>
      </c>
      <c r="F299" s="6">
        <v>1</v>
      </c>
      <c r="G299" s="6">
        <v>213</v>
      </c>
    </row>
    <row r="300" spans="2:7" ht="13.5" customHeight="1" x14ac:dyDescent="0.4">
      <c r="B300" s="5" t="s">
        <v>300</v>
      </c>
      <c r="C300" s="6" t="s">
        <v>8</v>
      </c>
      <c r="D300" s="6">
        <v>30</v>
      </c>
      <c r="E300" s="6">
        <v>4</v>
      </c>
      <c r="F300" s="6">
        <v>1</v>
      </c>
      <c r="G300" s="6">
        <v>213</v>
      </c>
    </row>
    <row r="301" spans="2:7" ht="13.5" customHeight="1" x14ac:dyDescent="0.4">
      <c r="B301" s="5" t="s">
        <v>301</v>
      </c>
      <c r="C301" s="6" t="s">
        <v>8</v>
      </c>
      <c r="D301" s="6">
        <v>30</v>
      </c>
      <c r="E301" s="6">
        <v>4</v>
      </c>
      <c r="F301" s="6">
        <v>1</v>
      </c>
      <c r="G301" s="6">
        <v>213</v>
      </c>
    </row>
    <row r="302" spans="2:7" ht="13.5" customHeight="1" x14ac:dyDescent="0.4">
      <c r="B302" s="5" t="s">
        <v>302</v>
      </c>
      <c r="C302" s="6" t="s">
        <v>8</v>
      </c>
      <c r="D302" s="6">
        <v>30</v>
      </c>
      <c r="E302" s="6">
        <v>4</v>
      </c>
      <c r="F302" s="6">
        <v>1</v>
      </c>
      <c r="G302" s="6">
        <v>213</v>
      </c>
    </row>
    <row r="303" spans="2:7" ht="13.5" customHeight="1" x14ac:dyDescent="0.4">
      <c r="B303" s="5" t="s">
        <v>303</v>
      </c>
      <c r="C303" s="6" t="s">
        <v>8</v>
      </c>
      <c r="D303" s="6">
        <v>30</v>
      </c>
      <c r="E303" s="6">
        <v>4</v>
      </c>
      <c r="F303" s="6">
        <v>1</v>
      </c>
      <c r="G303" s="6">
        <v>213</v>
      </c>
    </row>
    <row r="304" spans="2:7" ht="13.5" customHeight="1" x14ac:dyDescent="0.4">
      <c r="B304" s="5" t="s">
        <v>304</v>
      </c>
      <c r="C304" s="6" t="s">
        <v>8</v>
      </c>
      <c r="D304" s="6">
        <v>30</v>
      </c>
      <c r="E304" s="6">
        <v>4</v>
      </c>
      <c r="F304" s="6">
        <v>1</v>
      </c>
      <c r="G304" s="6">
        <v>213</v>
      </c>
    </row>
    <row r="305" spans="2:7" ht="13.5" customHeight="1" x14ac:dyDescent="0.4">
      <c r="B305" s="5" t="s">
        <v>305</v>
      </c>
      <c r="C305" s="6" t="s">
        <v>8</v>
      </c>
      <c r="D305" s="6">
        <v>30</v>
      </c>
      <c r="E305" s="6">
        <v>4</v>
      </c>
      <c r="F305" s="6">
        <v>1</v>
      </c>
      <c r="G305" s="6">
        <v>213</v>
      </c>
    </row>
    <row r="306" spans="2:7" ht="13.5" customHeight="1" x14ac:dyDescent="0.4">
      <c r="B306" s="5" t="s">
        <v>306</v>
      </c>
      <c r="C306" s="6" t="s">
        <v>8</v>
      </c>
      <c r="D306" s="6">
        <v>30</v>
      </c>
      <c r="E306" s="6">
        <v>4</v>
      </c>
      <c r="F306" s="6">
        <v>1</v>
      </c>
      <c r="G306" s="6">
        <v>213</v>
      </c>
    </row>
    <row r="307" spans="2:7" ht="13.5" customHeight="1" x14ac:dyDescent="0.4">
      <c r="B307" s="5" t="s">
        <v>11</v>
      </c>
      <c r="C307" s="6" t="s">
        <v>8</v>
      </c>
      <c r="D307" s="6">
        <v>30</v>
      </c>
      <c r="E307" s="6">
        <v>4</v>
      </c>
      <c r="F307" s="6">
        <v>1</v>
      </c>
      <c r="G307" s="6">
        <v>213</v>
      </c>
    </row>
    <row r="308" spans="2:7" ht="13.5" customHeight="1" x14ac:dyDescent="0.4">
      <c r="B308" s="5" t="s">
        <v>307</v>
      </c>
      <c r="C308" s="6" t="s">
        <v>8</v>
      </c>
      <c r="D308" s="6">
        <v>30</v>
      </c>
      <c r="E308" s="6">
        <v>4</v>
      </c>
      <c r="F308" s="6">
        <v>1</v>
      </c>
      <c r="G308" s="6">
        <v>213</v>
      </c>
    </row>
    <row r="309" spans="2:7" ht="13.5" customHeight="1" x14ac:dyDescent="0.4">
      <c r="B309" s="5" t="s">
        <v>308</v>
      </c>
      <c r="C309" s="6" t="s">
        <v>8</v>
      </c>
      <c r="D309" s="6">
        <v>30</v>
      </c>
      <c r="E309" s="6">
        <v>4</v>
      </c>
      <c r="F309" s="6">
        <v>1</v>
      </c>
      <c r="G309" s="6">
        <v>213</v>
      </c>
    </row>
    <row r="310" spans="2:7" ht="13.5" customHeight="1" x14ac:dyDescent="0.4">
      <c r="B310" s="5" t="s">
        <v>309</v>
      </c>
      <c r="C310" s="6" t="s">
        <v>8</v>
      </c>
      <c r="D310" s="6">
        <v>30</v>
      </c>
      <c r="E310" s="6">
        <v>4</v>
      </c>
      <c r="F310" s="6">
        <v>1</v>
      </c>
      <c r="G310" s="6">
        <v>213</v>
      </c>
    </row>
    <row r="311" spans="2:7" ht="13.5" customHeight="1" x14ac:dyDescent="0.4">
      <c r="B311" s="5" t="s">
        <v>310</v>
      </c>
      <c r="C311" s="6" t="s">
        <v>8</v>
      </c>
      <c r="D311" s="6">
        <v>30</v>
      </c>
      <c r="E311" s="6">
        <v>4</v>
      </c>
      <c r="F311" s="6">
        <v>1</v>
      </c>
      <c r="G311" s="6">
        <v>213</v>
      </c>
    </row>
    <row r="312" spans="2:7" ht="13.5" customHeight="1" x14ac:dyDescent="0.4">
      <c r="B312" s="5" t="s">
        <v>311</v>
      </c>
      <c r="C312" s="6" t="s">
        <v>8</v>
      </c>
      <c r="D312" s="6">
        <v>30</v>
      </c>
      <c r="E312" s="6">
        <v>4</v>
      </c>
      <c r="F312" s="6">
        <v>1</v>
      </c>
      <c r="G312" s="6">
        <v>213</v>
      </c>
    </row>
    <row r="313" spans="2:7" ht="13.5" customHeight="1" x14ac:dyDescent="0.4">
      <c r="B313" s="5" t="s">
        <v>312</v>
      </c>
      <c r="C313" s="6" t="s">
        <v>8</v>
      </c>
      <c r="D313" s="6">
        <v>30</v>
      </c>
      <c r="E313" s="6">
        <v>4</v>
      </c>
      <c r="F313" s="6">
        <v>1</v>
      </c>
      <c r="G313" s="6">
        <v>213</v>
      </c>
    </row>
    <row r="314" spans="2:7" ht="13.5" customHeight="1" x14ac:dyDescent="0.4">
      <c r="B314" s="5" t="s">
        <v>313</v>
      </c>
      <c r="C314" s="6" t="s">
        <v>8</v>
      </c>
      <c r="D314" s="6">
        <v>30</v>
      </c>
      <c r="E314" s="6">
        <v>4</v>
      </c>
      <c r="F314" s="6">
        <v>1</v>
      </c>
      <c r="G314" s="6">
        <v>213</v>
      </c>
    </row>
    <row r="315" spans="2:7" ht="13.5" customHeight="1" x14ac:dyDescent="0.4">
      <c r="B315" s="5" t="s">
        <v>314</v>
      </c>
      <c r="C315" s="6" t="s">
        <v>8</v>
      </c>
      <c r="D315" s="6">
        <v>30</v>
      </c>
      <c r="E315" s="6">
        <v>4</v>
      </c>
      <c r="F315" s="6">
        <v>1</v>
      </c>
      <c r="G315" s="6">
        <v>213</v>
      </c>
    </row>
    <row r="316" spans="2:7" ht="13.5" customHeight="1" x14ac:dyDescent="0.4">
      <c r="B316" s="5" t="s">
        <v>315</v>
      </c>
      <c r="C316" s="6" t="s">
        <v>8</v>
      </c>
      <c r="D316" s="6">
        <v>30</v>
      </c>
      <c r="E316" s="6">
        <v>4</v>
      </c>
      <c r="F316" s="6">
        <v>1</v>
      </c>
      <c r="G316" s="6">
        <v>213</v>
      </c>
    </row>
    <row r="317" spans="2:7" ht="13.5" customHeight="1" x14ac:dyDescent="0.4">
      <c r="B317" s="5" t="s">
        <v>316</v>
      </c>
      <c r="C317" s="6" t="s">
        <v>8</v>
      </c>
      <c r="D317" s="6">
        <v>30</v>
      </c>
      <c r="E317" s="6">
        <v>4</v>
      </c>
      <c r="F317" s="6">
        <v>1</v>
      </c>
      <c r="G317" s="6">
        <v>213</v>
      </c>
    </row>
    <row r="318" spans="2:7" ht="13.5" customHeight="1" x14ac:dyDescent="0.4">
      <c r="B318" s="5" t="s">
        <v>317</v>
      </c>
      <c r="C318" s="6" t="s">
        <v>8</v>
      </c>
      <c r="D318" s="6">
        <v>30</v>
      </c>
      <c r="E318" s="6">
        <v>4</v>
      </c>
      <c r="F318" s="6">
        <v>1</v>
      </c>
      <c r="G318" s="6">
        <v>213</v>
      </c>
    </row>
    <row r="319" spans="2:7" ht="13.5" customHeight="1" x14ac:dyDescent="0.4">
      <c r="B319" s="5" t="s">
        <v>318</v>
      </c>
      <c r="C319" s="6" t="s">
        <v>8</v>
      </c>
      <c r="D319" s="6">
        <v>30</v>
      </c>
      <c r="E319" s="6">
        <v>4</v>
      </c>
      <c r="F319" s="6">
        <v>1</v>
      </c>
      <c r="G319" s="6">
        <v>213</v>
      </c>
    </row>
    <row r="320" spans="2:7" ht="13.5" customHeight="1" x14ac:dyDescent="0.4">
      <c r="B320" s="5" t="s">
        <v>319</v>
      </c>
      <c r="C320" s="6" t="s">
        <v>8</v>
      </c>
      <c r="D320" s="6">
        <v>30</v>
      </c>
      <c r="E320" s="6">
        <v>4</v>
      </c>
      <c r="F320" s="6">
        <v>1</v>
      </c>
      <c r="G320" s="6">
        <v>213</v>
      </c>
    </row>
    <row r="321" spans="2:7" ht="13.5" customHeight="1" x14ac:dyDescent="0.4">
      <c r="B321" s="5" t="s">
        <v>320</v>
      </c>
      <c r="C321" s="6" t="s">
        <v>8</v>
      </c>
      <c r="D321" s="6">
        <v>30</v>
      </c>
      <c r="E321" s="6">
        <v>4</v>
      </c>
      <c r="F321" s="6">
        <v>1</v>
      </c>
      <c r="G321" s="6">
        <v>213</v>
      </c>
    </row>
    <row r="322" spans="2:7" ht="13.5" customHeight="1" x14ac:dyDescent="0.4">
      <c r="B322" s="5" t="s">
        <v>321</v>
      </c>
      <c r="C322" s="6" t="s">
        <v>8</v>
      </c>
      <c r="D322" s="6">
        <v>30</v>
      </c>
      <c r="E322" s="6">
        <v>4</v>
      </c>
      <c r="F322" s="6">
        <v>1</v>
      </c>
      <c r="G322" s="6">
        <v>213</v>
      </c>
    </row>
    <row r="323" spans="2:7" ht="13.5" customHeight="1" x14ac:dyDescent="0.4">
      <c r="B323" s="5" t="s">
        <v>322</v>
      </c>
      <c r="C323" s="6" t="s">
        <v>8</v>
      </c>
      <c r="D323" s="6">
        <v>30</v>
      </c>
      <c r="E323" s="6">
        <v>4</v>
      </c>
      <c r="F323" s="6">
        <v>1</v>
      </c>
      <c r="G323" s="6">
        <v>213</v>
      </c>
    </row>
    <row r="324" spans="2:7" ht="13.5" customHeight="1" x14ac:dyDescent="0.4">
      <c r="B324" s="5" t="s">
        <v>323</v>
      </c>
      <c r="C324" s="6" t="s">
        <v>8</v>
      </c>
      <c r="D324" s="6">
        <v>30</v>
      </c>
      <c r="E324" s="6">
        <v>4</v>
      </c>
      <c r="F324" s="6">
        <v>1</v>
      </c>
      <c r="G324" s="6">
        <v>213</v>
      </c>
    </row>
    <row r="325" spans="2:7" ht="13.5" customHeight="1" x14ac:dyDescent="0.4">
      <c r="B325" s="5" t="s">
        <v>324</v>
      </c>
      <c r="C325" s="6" t="s">
        <v>8</v>
      </c>
      <c r="D325" s="6">
        <v>30</v>
      </c>
      <c r="E325" s="6">
        <v>4</v>
      </c>
      <c r="F325" s="6">
        <v>1</v>
      </c>
      <c r="G325" s="6">
        <v>213</v>
      </c>
    </row>
    <row r="326" spans="2:7" ht="13.5" customHeight="1" x14ac:dyDescent="0.4">
      <c r="B326" s="5" t="s">
        <v>325</v>
      </c>
      <c r="C326" s="6" t="s">
        <v>8</v>
      </c>
      <c r="D326" s="6">
        <v>30</v>
      </c>
      <c r="E326" s="6">
        <v>4</v>
      </c>
      <c r="F326" s="6">
        <v>1</v>
      </c>
      <c r="G326" s="6">
        <v>213</v>
      </c>
    </row>
    <row r="327" spans="2:7" ht="13.5" customHeight="1" x14ac:dyDescent="0.4">
      <c r="B327" s="5" t="s">
        <v>326</v>
      </c>
      <c r="C327" s="6" t="s">
        <v>8</v>
      </c>
      <c r="D327" s="6">
        <v>30</v>
      </c>
      <c r="E327" s="6">
        <v>4</v>
      </c>
      <c r="F327" s="6">
        <v>1</v>
      </c>
      <c r="G327" s="6">
        <v>213</v>
      </c>
    </row>
    <row r="328" spans="2:7" ht="13.5" customHeight="1" x14ac:dyDescent="0.4">
      <c r="B328" s="5" t="s">
        <v>327</v>
      </c>
      <c r="C328" s="6" t="s">
        <v>8</v>
      </c>
      <c r="D328" s="6">
        <v>30</v>
      </c>
      <c r="E328" s="6">
        <v>4</v>
      </c>
      <c r="F328" s="6">
        <v>1</v>
      </c>
      <c r="G328" s="6">
        <v>213</v>
      </c>
    </row>
    <row r="329" spans="2:7" ht="13.5" customHeight="1" x14ac:dyDescent="0.4">
      <c r="B329" s="5" t="s">
        <v>328</v>
      </c>
      <c r="C329" s="6" t="s">
        <v>8</v>
      </c>
      <c r="D329" s="6">
        <v>30</v>
      </c>
      <c r="E329" s="6">
        <v>4</v>
      </c>
      <c r="F329" s="6">
        <v>1</v>
      </c>
      <c r="G329" s="6">
        <v>213</v>
      </c>
    </row>
    <row r="330" spans="2:7" ht="13.5" customHeight="1" x14ac:dyDescent="0.4">
      <c r="B330" s="5" t="s">
        <v>329</v>
      </c>
      <c r="C330" s="6" t="s">
        <v>8</v>
      </c>
      <c r="D330" s="6">
        <v>30</v>
      </c>
      <c r="E330" s="6">
        <v>4</v>
      </c>
      <c r="F330" s="6">
        <v>1</v>
      </c>
      <c r="G330" s="6">
        <v>213</v>
      </c>
    </row>
    <row r="331" spans="2:7" ht="13.5" customHeight="1" x14ac:dyDescent="0.4">
      <c r="B331" s="5" t="s">
        <v>330</v>
      </c>
      <c r="C331" s="6" t="s">
        <v>8</v>
      </c>
      <c r="D331" s="6">
        <v>30</v>
      </c>
      <c r="E331" s="6">
        <v>4</v>
      </c>
      <c r="F331" s="6">
        <v>1</v>
      </c>
      <c r="G331" s="6">
        <v>213</v>
      </c>
    </row>
    <row r="332" spans="2:7" ht="13.5" customHeight="1" x14ac:dyDescent="0.4">
      <c r="B332" s="5" t="s">
        <v>331</v>
      </c>
      <c r="C332" s="6" t="s">
        <v>8</v>
      </c>
      <c r="D332" s="6">
        <v>30</v>
      </c>
      <c r="E332" s="6">
        <v>4</v>
      </c>
      <c r="F332" s="6">
        <v>1</v>
      </c>
      <c r="G332" s="6">
        <v>213</v>
      </c>
    </row>
    <row r="333" spans="2:7" ht="13.5" customHeight="1" x14ac:dyDescent="0.4">
      <c r="B333" s="5" t="s">
        <v>332</v>
      </c>
      <c r="C333" s="6" t="s">
        <v>8</v>
      </c>
      <c r="D333" s="6">
        <v>30</v>
      </c>
      <c r="E333" s="6">
        <v>4</v>
      </c>
      <c r="F333" s="6">
        <v>1</v>
      </c>
      <c r="G333" s="6">
        <v>213</v>
      </c>
    </row>
    <row r="334" spans="2:7" ht="13.5" customHeight="1" x14ac:dyDescent="0.4">
      <c r="B334" s="5" t="s">
        <v>333</v>
      </c>
      <c r="C334" s="6" t="s">
        <v>8</v>
      </c>
      <c r="D334" s="6">
        <v>30</v>
      </c>
      <c r="E334" s="6">
        <v>4</v>
      </c>
      <c r="F334" s="6">
        <v>1</v>
      </c>
      <c r="G334" s="6">
        <v>213</v>
      </c>
    </row>
    <row r="335" spans="2:7" ht="13.5" customHeight="1" x14ac:dyDescent="0.4">
      <c r="B335" s="5" t="s">
        <v>334</v>
      </c>
      <c r="C335" s="6" t="s">
        <v>8</v>
      </c>
      <c r="D335" s="6">
        <v>30</v>
      </c>
      <c r="E335" s="6">
        <v>4</v>
      </c>
      <c r="F335" s="6">
        <v>1</v>
      </c>
      <c r="G335" s="6">
        <v>213</v>
      </c>
    </row>
    <row r="336" spans="2:7" ht="13.5" customHeight="1" x14ac:dyDescent="0.4">
      <c r="B336" s="5" t="s">
        <v>335</v>
      </c>
      <c r="C336" s="6" t="s">
        <v>8</v>
      </c>
      <c r="D336" s="6">
        <v>30</v>
      </c>
      <c r="E336" s="6">
        <v>4</v>
      </c>
      <c r="F336" s="6">
        <v>1</v>
      </c>
      <c r="G336" s="6">
        <v>213</v>
      </c>
    </row>
    <row r="337" spans="2:7" ht="13.5" customHeight="1" x14ac:dyDescent="0.4">
      <c r="B337" s="5" t="s">
        <v>336</v>
      </c>
      <c r="C337" s="6" t="s">
        <v>8</v>
      </c>
      <c r="D337" s="6">
        <v>30</v>
      </c>
      <c r="E337" s="6">
        <v>4</v>
      </c>
      <c r="F337" s="6">
        <v>1</v>
      </c>
      <c r="G337" s="6">
        <v>213</v>
      </c>
    </row>
    <row r="338" spans="2:7" ht="13.5" customHeight="1" x14ac:dyDescent="0.4">
      <c r="B338" s="5" t="s">
        <v>337</v>
      </c>
      <c r="C338" s="6" t="s">
        <v>8</v>
      </c>
      <c r="D338" s="6">
        <v>30</v>
      </c>
      <c r="E338" s="6">
        <v>4</v>
      </c>
      <c r="F338" s="6">
        <v>1</v>
      </c>
      <c r="G338" s="6">
        <v>213</v>
      </c>
    </row>
    <row r="339" spans="2:7" ht="13.5" customHeight="1" x14ac:dyDescent="0.4">
      <c r="B339" s="5" t="s">
        <v>338</v>
      </c>
      <c r="C339" s="6" t="s">
        <v>8</v>
      </c>
      <c r="D339" s="6">
        <v>30</v>
      </c>
      <c r="E339" s="6">
        <v>4</v>
      </c>
      <c r="F339" s="6">
        <v>1</v>
      </c>
      <c r="G339" s="6">
        <v>213</v>
      </c>
    </row>
    <row r="340" spans="2:7" ht="13.5" customHeight="1" x14ac:dyDescent="0.4">
      <c r="B340" s="5" t="s">
        <v>339</v>
      </c>
      <c r="C340" s="6" t="s">
        <v>8</v>
      </c>
      <c r="D340" s="6">
        <v>30</v>
      </c>
      <c r="E340" s="6">
        <v>4</v>
      </c>
      <c r="F340" s="6">
        <v>1</v>
      </c>
      <c r="G340" s="6">
        <v>213</v>
      </c>
    </row>
    <row r="341" spans="2:7" ht="13.5" customHeight="1" x14ac:dyDescent="0.4">
      <c r="B341" s="5" t="s">
        <v>340</v>
      </c>
      <c r="C341" s="6" t="s">
        <v>8</v>
      </c>
      <c r="D341" s="6">
        <v>30</v>
      </c>
      <c r="E341" s="6">
        <v>4</v>
      </c>
      <c r="F341" s="6">
        <v>1</v>
      </c>
      <c r="G341" s="6">
        <v>213</v>
      </c>
    </row>
    <row r="342" spans="2:7" ht="13.5" customHeight="1" x14ac:dyDescent="0.4">
      <c r="B342" s="5" t="s">
        <v>341</v>
      </c>
      <c r="C342" s="6" t="s">
        <v>8</v>
      </c>
      <c r="D342" s="6">
        <v>30</v>
      </c>
      <c r="E342" s="6">
        <v>4</v>
      </c>
      <c r="F342" s="6">
        <v>1</v>
      </c>
      <c r="G342" s="6">
        <v>213</v>
      </c>
    </row>
    <row r="343" spans="2:7" ht="13.5" customHeight="1" x14ac:dyDescent="0.4">
      <c r="B343" s="5" t="s">
        <v>56</v>
      </c>
      <c r="C343" s="6" t="s">
        <v>8</v>
      </c>
      <c r="D343" s="6">
        <v>30</v>
      </c>
      <c r="E343" s="6">
        <v>4</v>
      </c>
      <c r="F343" s="6">
        <v>1</v>
      </c>
      <c r="G343" s="6">
        <v>213</v>
      </c>
    </row>
    <row r="344" spans="2:7" ht="13.5" customHeight="1" x14ac:dyDescent="0.4">
      <c r="B344" s="5" t="s">
        <v>342</v>
      </c>
      <c r="C344" s="6" t="s">
        <v>8</v>
      </c>
      <c r="D344" s="6">
        <v>30</v>
      </c>
      <c r="E344" s="6">
        <v>4</v>
      </c>
      <c r="F344" s="6">
        <v>1</v>
      </c>
      <c r="G344" s="6">
        <v>213</v>
      </c>
    </row>
    <row r="345" spans="2:7" ht="13.5" customHeight="1" x14ac:dyDescent="0.4">
      <c r="B345" s="5" t="s">
        <v>343</v>
      </c>
      <c r="C345" s="6" t="s">
        <v>8</v>
      </c>
      <c r="D345" s="6">
        <v>30</v>
      </c>
      <c r="E345" s="6">
        <v>4</v>
      </c>
      <c r="F345" s="6">
        <v>1</v>
      </c>
      <c r="G345" s="6">
        <v>213</v>
      </c>
    </row>
    <row r="346" spans="2:7" ht="13.5" customHeight="1" x14ac:dyDescent="0.4">
      <c r="B346" s="5" t="s">
        <v>344</v>
      </c>
      <c r="C346" s="6" t="s">
        <v>8</v>
      </c>
      <c r="D346" s="6">
        <v>30</v>
      </c>
      <c r="E346" s="6">
        <v>4</v>
      </c>
      <c r="F346" s="6">
        <v>1</v>
      </c>
      <c r="G346" s="6">
        <v>213</v>
      </c>
    </row>
    <row r="347" spans="2:7" ht="13.5" customHeight="1" x14ac:dyDescent="0.4">
      <c r="B347" s="5" t="s">
        <v>345</v>
      </c>
      <c r="C347" s="6" t="s">
        <v>8</v>
      </c>
      <c r="D347" s="6">
        <v>30</v>
      </c>
      <c r="E347" s="6">
        <v>4</v>
      </c>
      <c r="F347" s="6">
        <v>1</v>
      </c>
      <c r="G347" s="6">
        <v>213</v>
      </c>
    </row>
    <row r="348" spans="2:7" ht="13.5" customHeight="1" x14ac:dyDescent="0.4">
      <c r="B348" s="5" t="s">
        <v>346</v>
      </c>
      <c r="C348" s="6" t="s">
        <v>8</v>
      </c>
      <c r="D348" s="6">
        <v>30</v>
      </c>
      <c r="E348" s="6">
        <v>4</v>
      </c>
      <c r="F348" s="6">
        <v>1</v>
      </c>
      <c r="G348" s="6">
        <v>213</v>
      </c>
    </row>
    <row r="349" spans="2:7" ht="13.5" customHeight="1" x14ac:dyDescent="0.4">
      <c r="B349" s="5" t="s">
        <v>347</v>
      </c>
      <c r="C349" s="6" t="s">
        <v>8</v>
      </c>
      <c r="D349" s="6">
        <v>30</v>
      </c>
      <c r="E349" s="6">
        <v>4</v>
      </c>
      <c r="F349" s="6">
        <v>1</v>
      </c>
      <c r="G349" s="6">
        <v>213</v>
      </c>
    </row>
    <row r="350" spans="2:7" ht="13.5" customHeight="1" x14ac:dyDescent="0.4">
      <c r="B350" s="5" t="s">
        <v>348</v>
      </c>
      <c r="C350" s="6" t="s">
        <v>8</v>
      </c>
      <c r="D350" s="6">
        <v>30</v>
      </c>
      <c r="E350" s="6">
        <v>4</v>
      </c>
      <c r="F350" s="6">
        <v>1</v>
      </c>
      <c r="G350" s="6">
        <v>213</v>
      </c>
    </row>
    <row r="351" spans="2:7" ht="13.5" customHeight="1" x14ac:dyDescent="0.4">
      <c r="B351" s="5" t="s">
        <v>349</v>
      </c>
      <c r="C351" s="6" t="s">
        <v>8</v>
      </c>
      <c r="D351" s="6">
        <v>30</v>
      </c>
      <c r="E351" s="6">
        <v>4</v>
      </c>
      <c r="F351" s="6">
        <v>1</v>
      </c>
      <c r="G351" s="6">
        <v>213</v>
      </c>
    </row>
    <row r="352" spans="2:7" ht="13.5" customHeight="1" x14ac:dyDescent="0.4">
      <c r="B352" s="5" t="s">
        <v>350</v>
      </c>
      <c r="C352" s="6" t="s">
        <v>8</v>
      </c>
      <c r="D352" s="6">
        <v>30</v>
      </c>
      <c r="E352" s="6">
        <v>4</v>
      </c>
      <c r="F352" s="6">
        <v>1</v>
      </c>
      <c r="G352" s="6">
        <v>213</v>
      </c>
    </row>
    <row r="353" spans="2:7" ht="13.5" customHeight="1" x14ac:dyDescent="0.4">
      <c r="B353" s="5" t="s">
        <v>351</v>
      </c>
      <c r="C353" s="6" t="s">
        <v>8</v>
      </c>
      <c r="D353" s="6">
        <v>30</v>
      </c>
      <c r="E353" s="6">
        <v>4</v>
      </c>
      <c r="F353" s="6">
        <v>1</v>
      </c>
      <c r="G353" s="6">
        <v>213</v>
      </c>
    </row>
    <row r="354" spans="2:7" ht="13.5" customHeight="1" x14ac:dyDescent="0.4">
      <c r="B354" s="5" t="s">
        <v>352</v>
      </c>
      <c r="C354" s="6" t="s">
        <v>8</v>
      </c>
      <c r="D354" s="6">
        <v>30</v>
      </c>
      <c r="E354" s="6">
        <v>4</v>
      </c>
      <c r="F354" s="6">
        <v>1</v>
      </c>
      <c r="G354" s="6">
        <v>213</v>
      </c>
    </row>
    <row r="355" spans="2:7" ht="13.5" customHeight="1" x14ac:dyDescent="0.4">
      <c r="B355" s="5" t="s">
        <v>353</v>
      </c>
      <c r="C355" s="6" t="s">
        <v>8</v>
      </c>
      <c r="D355" s="6">
        <v>30</v>
      </c>
      <c r="E355" s="6">
        <v>4</v>
      </c>
      <c r="F355" s="6">
        <v>1</v>
      </c>
      <c r="G355" s="6">
        <v>213</v>
      </c>
    </row>
    <row r="356" spans="2:7" ht="13.5" customHeight="1" x14ac:dyDescent="0.4">
      <c r="B356" s="5" t="s">
        <v>354</v>
      </c>
      <c r="C356" s="6" t="s">
        <v>8</v>
      </c>
      <c r="D356" s="6">
        <v>30</v>
      </c>
      <c r="E356" s="6">
        <v>4</v>
      </c>
      <c r="F356" s="6">
        <v>1</v>
      </c>
      <c r="G356" s="6">
        <v>213</v>
      </c>
    </row>
    <row r="357" spans="2:7" ht="13.5" customHeight="1" x14ac:dyDescent="0.4">
      <c r="B357" s="5" t="s">
        <v>355</v>
      </c>
      <c r="C357" s="6" t="s">
        <v>8</v>
      </c>
      <c r="D357" s="6">
        <v>30</v>
      </c>
      <c r="E357" s="6">
        <v>4</v>
      </c>
      <c r="F357" s="6">
        <v>1</v>
      </c>
      <c r="G357" s="6">
        <v>213</v>
      </c>
    </row>
    <row r="358" spans="2:7" ht="13.5" customHeight="1" x14ac:dyDescent="0.4">
      <c r="B358" s="5" t="s">
        <v>356</v>
      </c>
      <c r="C358" s="6" t="s">
        <v>8</v>
      </c>
      <c r="D358" s="6">
        <v>30</v>
      </c>
      <c r="E358" s="6">
        <v>4</v>
      </c>
      <c r="F358" s="6">
        <v>1</v>
      </c>
      <c r="G358" s="6">
        <v>213</v>
      </c>
    </row>
    <row r="359" spans="2:7" ht="13.5" customHeight="1" x14ac:dyDescent="0.4">
      <c r="B359" s="5" t="s">
        <v>357</v>
      </c>
      <c r="C359" s="6" t="s">
        <v>8</v>
      </c>
      <c r="D359" s="6">
        <v>30</v>
      </c>
      <c r="E359" s="6">
        <v>4</v>
      </c>
      <c r="F359" s="6">
        <v>1</v>
      </c>
      <c r="G359" s="6">
        <v>213</v>
      </c>
    </row>
    <row r="360" spans="2:7" ht="13.5" customHeight="1" x14ac:dyDescent="0.4">
      <c r="B360" s="5" t="s">
        <v>358</v>
      </c>
      <c r="C360" s="6" t="s">
        <v>8</v>
      </c>
      <c r="D360" s="6">
        <v>30</v>
      </c>
      <c r="E360" s="6">
        <v>4</v>
      </c>
      <c r="F360" s="6">
        <v>1</v>
      </c>
      <c r="G360" s="6">
        <v>213</v>
      </c>
    </row>
    <row r="361" spans="2:7" ht="13.5" customHeight="1" x14ac:dyDescent="0.4">
      <c r="B361" s="5" t="s">
        <v>359</v>
      </c>
      <c r="C361" s="6" t="s">
        <v>8</v>
      </c>
      <c r="D361" s="6">
        <v>30</v>
      </c>
      <c r="E361" s="6">
        <v>4</v>
      </c>
      <c r="F361" s="6">
        <v>1</v>
      </c>
      <c r="G361" s="6">
        <v>213</v>
      </c>
    </row>
    <row r="362" spans="2:7" ht="13.5" customHeight="1" x14ac:dyDescent="0.4">
      <c r="B362" s="5" t="s">
        <v>360</v>
      </c>
      <c r="C362" s="6" t="s">
        <v>8</v>
      </c>
      <c r="D362" s="6">
        <v>30</v>
      </c>
      <c r="E362" s="6">
        <v>4</v>
      </c>
      <c r="F362" s="6">
        <v>1</v>
      </c>
      <c r="G362" s="6">
        <v>213</v>
      </c>
    </row>
    <row r="363" spans="2:7" ht="13.5" customHeight="1" x14ac:dyDescent="0.4">
      <c r="B363" s="5" t="s">
        <v>361</v>
      </c>
      <c r="C363" s="6" t="s">
        <v>8</v>
      </c>
      <c r="D363" s="6">
        <v>30</v>
      </c>
      <c r="E363" s="6">
        <v>4</v>
      </c>
      <c r="F363" s="6">
        <v>1</v>
      </c>
      <c r="G363" s="6">
        <v>213</v>
      </c>
    </row>
    <row r="364" spans="2:7" ht="13.5" customHeight="1" x14ac:dyDescent="0.4">
      <c r="B364" s="5" t="s">
        <v>362</v>
      </c>
      <c r="C364" s="6" t="s">
        <v>8</v>
      </c>
      <c r="D364" s="6">
        <v>30</v>
      </c>
      <c r="E364" s="6">
        <v>4</v>
      </c>
      <c r="F364" s="6">
        <v>1</v>
      </c>
      <c r="G364" s="6">
        <v>213</v>
      </c>
    </row>
    <row r="365" spans="2:7" ht="13.5" customHeight="1" x14ac:dyDescent="0.4">
      <c r="B365" s="5" t="s">
        <v>187</v>
      </c>
      <c r="C365" s="6" t="s">
        <v>8</v>
      </c>
      <c r="D365" s="6">
        <v>30</v>
      </c>
      <c r="E365" s="6">
        <v>4</v>
      </c>
      <c r="F365" s="6">
        <v>1</v>
      </c>
      <c r="G365" s="6">
        <v>213</v>
      </c>
    </row>
    <row r="366" spans="2:7" ht="13.5" customHeight="1" x14ac:dyDescent="0.4">
      <c r="B366" s="5" t="s">
        <v>363</v>
      </c>
      <c r="C366" s="6" t="s">
        <v>8</v>
      </c>
      <c r="D366" s="6">
        <v>30</v>
      </c>
      <c r="E366" s="6">
        <v>4</v>
      </c>
      <c r="F366" s="6">
        <v>1</v>
      </c>
      <c r="G366" s="6">
        <v>213</v>
      </c>
    </row>
    <row r="367" spans="2:7" ht="13.5" customHeight="1" x14ac:dyDescent="0.4">
      <c r="B367" s="5" t="s">
        <v>364</v>
      </c>
      <c r="C367" s="6" t="s">
        <v>8</v>
      </c>
      <c r="D367" s="6">
        <v>30</v>
      </c>
      <c r="E367" s="6">
        <v>4</v>
      </c>
      <c r="F367" s="6">
        <v>1</v>
      </c>
      <c r="G367" s="6">
        <v>213</v>
      </c>
    </row>
    <row r="368" spans="2:7" ht="13.5" customHeight="1" x14ac:dyDescent="0.4">
      <c r="B368" s="5" t="s">
        <v>365</v>
      </c>
      <c r="C368" s="6" t="s">
        <v>8</v>
      </c>
      <c r="D368" s="6">
        <v>30</v>
      </c>
      <c r="E368" s="6">
        <v>4</v>
      </c>
      <c r="F368" s="6">
        <v>1</v>
      </c>
      <c r="G368" s="6">
        <v>213</v>
      </c>
    </row>
    <row r="369" spans="2:7" ht="13.5" customHeight="1" x14ac:dyDescent="0.4">
      <c r="B369" s="5" t="s">
        <v>366</v>
      </c>
      <c r="C369" s="6" t="s">
        <v>8</v>
      </c>
      <c r="D369" s="6">
        <v>30</v>
      </c>
      <c r="E369" s="6">
        <v>4</v>
      </c>
      <c r="F369" s="6">
        <v>1</v>
      </c>
      <c r="G369" s="6">
        <v>213</v>
      </c>
    </row>
    <row r="370" spans="2:7" ht="13.5" customHeight="1" x14ac:dyDescent="0.4">
      <c r="B370" s="5" t="s">
        <v>367</v>
      </c>
      <c r="C370" s="6" t="s">
        <v>8</v>
      </c>
      <c r="D370" s="6">
        <v>30</v>
      </c>
      <c r="E370" s="6">
        <v>4</v>
      </c>
      <c r="F370" s="6">
        <v>1</v>
      </c>
      <c r="G370" s="6">
        <v>213</v>
      </c>
    </row>
    <row r="371" spans="2:7" ht="13.5" customHeight="1" x14ac:dyDescent="0.4">
      <c r="B371" s="5" t="s">
        <v>368</v>
      </c>
      <c r="C371" s="6" t="s">
        <v>8</v>
      </c>
      <c r="D371" s="6">
        <v>30</v>
      </c>
      <c r="E371" s="6">
        <v>4</v>
      </c>
      <c r="F371" s="6">
        <v>1</v>
      </c>
      <c r="G371" s="6">
        <v>213</v>
      </c>
    </row>
    <row r="372" spans="2:7" ht="13.5" customHeight="1" x14ac:dyDescent="0.4">
      <c r="B372" s="5" t="s">
        <v>369</v>
      </c>
      <c r="C372" s="6" t="s">
        <v>8</v>
      </c>
      <c r="D372" s="6">
        <v>30</v>
      </c>
      <c r="E372" s="6">
        <v>4</v>
      </c>
      <c r="F372" s="6">
        <v>1</v>
      </c>
      <c r="G372" s="6">
        <v>213</v>
      </c>
    </row>
    <row r="373" spans="2:7" ht="13.5" customHeight="1" x14ac:dyDescent="0.4">
      <c r="B373" s="5" t="s">
        <v>370</v>
      </c>
      <c r="C373" s="6" t="s">
        <v>8</v>
      </c>
      <c r="D373" s="6">
        <v>30</v>
      </c>
      <c r="E373" s="6">
        <v>4</v>
      </c>
      <c r="F373" s="6">
        <v>1</v>
      </c>
      <c r="G373" s="6">
        <v>213</v>
      </c>
    </row>
    <row r="374" spans="2:7" ht="13.5" customHeight="1" x14ac:dyDescent="0.4">
      <c r="B374" s="5" t="s">
        <v>371</v>
      </c>
      <c r="C374" s="6" t="s">
        <v>8</v>
      </c>
      <c r="D374" s="6">
        <v>30</v>
      </c>
      <c r="E374" s="6">
        <v>4</v>
      </c>
      <c r="F374" s="6">
        <v>1</v>
      </c>
      <c r="G374" s="6">
        <v>213</v>
      </c>
    </row>
    <row r="375" spans="2:7" ht="13.5" customHeight="1" x14ac:dyDescent="0.4">
      <c r="B375" s="5" t="s">
        <v>372</v>
      </c>
      <c r="C375" s="6" t="s">
        <v>8</v>
      </c>
      <c r="D375" s="6">
        <v>30</v>
      </c>
      <c r="E375" s="6">
        <v>4</v>
      </c>
      <c r="F375" s="6">
        <v>1</v>
      </c>
      <c r="G375" s="6">
        <v>213</v>
      </c>
    </row>
    <row r="376" spans="2:7" ht="13.5" customHeight="1" x14ac:dyDescent="0.4">
      <c r="B376" s="5" t="s">
        <v>373</v>
      </c>
      <c r="C376" s="6" t="s">
        <v>8</v>
      </c>
      <c r="D376" s="6">
        <v>30</v>
      </c>
      <c r="E376" s="6">
        <v>4</v>
      </c>
      <c r="F376" s="6">
        <v>1</v>
      </c>
      <c r="G376" s="6">
        <v>213</v>
      </c>
    </row>
    <row r="377" spans="2:7" ht="13.5" customHeight="1" x14ac:dyDescent="0.4">
      <c r="B377" s="5" t="s">
        <v>374</v>
      </c>
      <c r="C377" s="6" t="s">
        <v>8</v>
      </c>
      <c r="D377" s="6">
        <v>30</v>
      </c>
      <c r="E377" s="6">
        <v>4</v>
      </c>
      <c r="F377" s="6">
        <v>1</v>
      </c>
      <c r="G377" s="6">
        <v>213</v>
      </c>
    </row>
    <row r="378" spans="2:7" ht="13.5" customHeight="1" x14ac:dyDescent="0.4">
      <c r="B378" s="5" t="s">
        <v>375</v>
      </c>
      <c r="C378" s="6" t="s">
        <v>8</v>
      </c>
      <c r="D378" s="6">
        <v>30</v>
      </c>
      <c r="E378" s="6">
        <v>4</v>
      </c>
      <c r="F378" s="6">
        <v>1</v>
      </c>
      <c r="G378" s="6">
        <v>213</v>
      </c>
    </row>
    <row r="379" spans="2:7" ht="13.5" customHeight="1" x14ac:dyDescent="0.4">
      <c r="B379" s="5" t="s">
        <v>376</v>
      </c>
      <c r="C379" s="6" t="s">
        <v>8</v>
      </c>
      <c r="D379" s="6">
        <v>30</v>
      </c>
      <c r="E379" s="6">
        <v>4</v>
      </c>
      <c r="F379" s="6">
        <v>1</v>
      </c>
      <c r="G379" s="6">
        <v>213</v>
      </c>
    </row>
    <row r="380" spans="2:7" ht="13.5" customHeight="1" x14ac:dyDescent="0.4">
      <c r="B380" s="5" t="s">
        <v>377</v>
      </c>
      <c r="C380" s="6" t="s">
        <v>8</v>
      </c>
      <c r="D380" s="6">
        <v>30</v>
      </c>
      <c r="E380" s="6">
        <v>4</v>
      </c>
      <c r="F380" s="6">
        <v>1</v>
      </c>
      <c r="G380" s="6">
        <v>213</v>
      </c>
    </row>
    <row r="381" spans="2:7" ht="13.5" customHeight="1" x14ac:dyDescent="0.4">
      <c r="B381" s="5" t="s">
        <v>378</v>
      </c>
      <c r="C381" s="6" t="s">
        <v>8</v>
      </c>
      <c r="D381" s="6">
        <v>30</v>
      </c>
      <c r="E381" s="6">
        <v>4</v>
      </c>
      <c r="F381" s="6">
        <v>1</v>
      </c>
      <c r="G381" s="6">
        <v>213</v>
      </c>
    </row>
    <row r="382" spans="2:7" ht="13.5" customHeight="1" x14ac:dyDescent="0.4">
      <c r="B382" s="5" t="s">
        <v>379</v>
      </c>
      <c r="C382" s="6" t="s">
        <v>8</v>
      </c>
      <c r="D382" s="6">
        <v>30</v>
      </c>
      <c r="E382" s="6">
        <v>4</v>
      </c>
      <c r="F382" s="6">
        <v>1</v>
      </c>
      <c r="G382" s="6">
        <v>213</v>
      </c>
    </row>
    <row r="383" spans="2:7" ht="13.5" customHeight="1" x14ac:dyDescent="0.4">
      <c r="B383" s="5" t="s">
        <v>380</v>
      </c>
      <c r="C383" s="6" t="s">
        <v>8</v>
      </c>
      <c r="D383" s="6">
        <v>30</v>
      </c>
      <c r="E383" s="6">
        <v>4</v>
      </c>
      <c r="F383" s="6">
        <v>1</v>
      </c>
      <c r="G383" s="6">
        <v>213</v>
      </c>
    </row>
    <row r="384" spans="2:7" ht="13.5" customHeight="1" x14ac:dyDescent="0.4">
      <c r="B384" s="5" t="s">
        <v>381</v>
      </c>
      <c r="C384" s="6" t="s">
        <v>8</v>
      </c>
      <c r="D384" s="6">
        <v>30</v>
      </c>
      <c r="E384" s="6">
        <v>4</v>
      </c>
      <c r="F384" s="6">
        <v>1</v>
      </c>
      <c r="G384" s="6">
        <v>213</v>
      </c>
    </row>
    <row r="385" spans="2:7" ht="13.5" customHeight="1" x14ac:dyDescent="0.4">
      <c r="B385" s="5" t="s">
        <v>382</v>
      </c>
      <c r="C385" s="6" t="s">
        <v>8</v>
      </c>
      <c r="D385" s="6">
        <v>30</v>
      </c>
      <c r="E385" s="6">
        <v>4</v>
      </c>
      <c r="F385" s="6">
        <v>1</v>
      </c>
      <c r="G385" s="6">
        <v>213</v>
      </c>
    </row>
    <row r="386" spans="2:7" ht="13.5" customHeight="1" x14ac:dyDescent="0.4">
      <c r="B386" s="5" t="s">
        <v>383</v>
      </c>
      <c r="C386" s="6" t="s">
        <v>8</v>
      </c>
      <c r="D386" s="6">
        <v>30</v>
      </c>
      <c r="E386" s="6">
        <v>4</v>
      </c>
      <c r="F386" s="6">
        <v>1</v>
      </c>
      <c r="G386" s="6">
        <v>213</v>
      </c>
    </row>
    <row r="387" spans="2:7" ht="13.5" customHeight="1" x14ac:dyDescent="0.4">
      <c r="B387" s="5" t="s">
        <v>384</v>
      </c>
      <c r="C387" s="6" t="s">
        <v>8</v>
      </c>
      <c r="D387" s="6">
        <v>30</v>
      </c>
      <c r="E387" s="6">
        <v>4</v>
      </c>
      <c r="F387" s="6">
        <v>1</v>
      </c>
      <c r="G387" s="6">
        <v>213</v>
      </c>
    </row>
    <row r="388" spans="2:7" ht="13.5" customHeight="1" x14ac:dyDescent="0.4">
      <c r="B388" s="5" t="s">
        <v>385</v>
      </c>
      <c r="C388" s="6" t="s">
        <v>8</v>
      </c>
      <c r="D388" s="6">
        <v>30</v>
      </c>
      <c r="E388" s="6">
        <v>4</v>
      </c>
      <c r="F388" s="6">
        <v>1</v>
      </c>
      <c r="G388" s="6">
        <v>213</v>
      </c>
    </row>
    <row r="389" spans="2:7" ht="13.5" customHeight="1" x14ac:dyDescent="0.4">
      <c r="B389" s="5" t="s">
        <v>386</v>
      </c>
      <c r="C389" s="6" t="s">
        <v>8</v>
      </c>
      <c r="D389" s="6">
        <v>30</v>
      </c>
      <c r="E389" s="6">
        <v>4</v>
      </c>
      <c r="F389" s="6">
        <v>1</v>
      </c>
      <c r="G389" s="6">
        <v>213</v>
      </c>
    </row>
    <row r="390" spans="2:7" ht="13.5" customHeight="1" x14ac:dyDescent="0.4">
      <c r="B390" s="5" t="s">
        <v>387</v>
      </c>
      <c r="C390" s="6" t="s">
        <v>8</v>
      </c>
      <c r="D390" s="6">
        <v>30</v>
      </c>
      <c r="E390" s="6">
        <v>4</v>
      </c>
      <c r="F390" s="6">
        <v>1</v>
      </c>
      <c r="G390" s="6">
        <v>213</v>
      </c>
    </row>
    <row r="391" spans="2:7" ht="13.5" customHeight="1" x14ac:dyDescent="0.4">
      <c r="B391" s="5" t="s">
        <v>388</v>
      </c>
      <c r="C391" s="6" t="s">
        <v>8</v>
      </c>
      <c r="D391" s="6">
        <v>30</v>
      </c>
      <c r="E391" s="6">
        <v>4</v>
      </c>
      <c r="F391" s="6">
        <v>1</v>
      </c>
      <c r="G391" s="6">
        <v>213</v>
      </c>
    </row>
    <row r="392" spans="2:7" ht="13.5" customHeight="1" x14ac:dyDescent="0.4">
      <c r="B392" s="5" t="s">
        <v>389</v>
      </c>
      <c r="C392" s="6" t="s">
        <v>8</v>
      </c>
      <c r="D392" s="6">
        <v>30</v>
      </c>
      <c r="E392" s="6">
        <v>4</v>
      </c>
      <c r="F392" s="6">
        <v>1</v>
      </c>
      <c r="G392" s="6">
        <v>213</v>
      </c>
    </row>
    <row r="393" spans="2:7" ht="13.5" customHeight="1" x14ac:dyDescent="0.4">
      <c r="B393" s="5" t="s">
        <v>390</v>
      </c>
      <c r="C393" s="6" t="s">
        <v>8</v>
      </c>
      <c r="D393" s="6">
        <v>30</v>
      </c>
      <c r="E393" s="6">
        <v>4</v>
      </c>
      <c r="F393" s="6">
        <v>1</v>
      </c>
      <c r="G393" s="6">
        <v>213</v>
      </c>
    </row>
    <row r="394" spans="2:7" ht="13.5" customHeight="1" x14ac:dyDescent="0.4">
      <c r="B394" s="5" t="s">
        <v>391</v>
      </c>
      <c r="C394" s="6" t="s">
        <v>8</v>
      </c>
      <c r="D394" s="6">
        <v>30</v>
      </c>
      <c r="E394" s="6">
        <v>5</v>
      </c>
      <c r="F394" s="6">
        <v>1</v>
      </c>
      <c r="G394" s="6">
        <v>214</v>
      </c>
    </row>
    <row r="395" spans="2:7" ht="13.5" customHeight="1" x14ac:dyDescent="0.4">
      <c r="B395" s="5" t="s">
        <v>392</v>
      </c>
      <c r="C395" s="6" t="s">
        <v>8</v>
      </c>
      <c r="D395" s="6">
        <v>30</v>
      </c>
      <c r="E395" s="6">
        <v>5</v>
      </c>
      <c r="F395" s="6">
        <v>1</v>
      </c>
      <c r="G395" s="6">
        <v>214</v>
      </c>
    </row>
    <row r="396" spans="2:7" ht="13.5" customHeight="1" x14ac:dyDescent="0.4">
      <c r="B396" s="5" t="s">
        <v>393</v>
      </c>
      <c r="C396" s="6" t="s">
        <v>8</v>
      </c>
      <c r="D396" s="6">
        <v>30</v>
      </c>
      <c r="E396" s="6">
        <v>5</v>
      </c>
      <c r="F396" s="6">
        <v>1</v>
      </c>
      <c r="G396" s="6">
        <v>214</v>
      </c>
    </row>
    <row r="397" spans="2:7" ht="13.5" customHeight="1" x14ac:dyDescent="0.4">
      <c r="B397" s="6" t="s">
        <v>394</v>
      </c>
      <c r="C397" s="6" t="s">
        <v>8</v>
      </c>
      <c r="D397" s="6">
        <v>30</v>
      </c>
      <c r="E397" s="6">
        <v>5</v>
      </c>
      <c r="F397" s="6">
        <v>1</v>
      </c>
      <c r="G397" s="6">
        <v>214</v>
      </c>
    </row>
    <row r="398" spans="2:7" ht="13.5" customHeight="1" x14ac:dyDescent="0.4">
      <c r="B398" s="5" t="s">
        <v>395</v>
      </c>
      <c r="C398" s="6" t="s">
        <v>8</v>
      </c>
      <c r="D398" s="6">
        <v>30</v>
      </c>
      <c r="E398" s="6">
        <v>5</v>
      </c>
      <c r="F398" s="6">
        <v>1</v>
      </c>
      <c r="G398" s="6">
        <v>214</v>
      </c>
    </row>
    <row r="399" spans="2:7" ht="13.5" customHeight="1" x14ac:dyDescent="0.4">
      <c r="B399" s="5" t="s">
        <v>396</v>
      </c>
      <c r="C399" s="6" t="s">
        <v>8</v>
      </c>
      <c r="D399" s="6">
        <v>30</v>
      </c>
      <c r="E399" s="6">
        <v>5</v>
      </c>
      <c r="F399" s="6">
        <v>1</v>
      </c>
      <c r="G399" s="6">
        <v>214</v>
      </c>
    </row>
    <row r="400" spans="2:7" ht="13.5" customHeight="1" x14ac:dyDescent="0.4">
      <c r="B400" s="5" t="s">
        <v>397</v>
      </c>
      <c r="C400" s="6" t="s">
        <v>8</v>
      </c>
      <c r="D400" s="6">
        <v>30</v>
      </c>
      <c r="E400" s="6">
        <v>5</v>
      </c>
      <c r="F400" s="6">
        <v>1</v>
      </c>
      <c r="G400" s="6">
        <v>214</v>
      </c>
    </row>
    <row r="401" spans="2:7" ht="13.5" customHeight="1" x14ac:dyDescent="0.4">
      <c r="B401" s="5" t="s">
        <v>11</v>
      </c>
      <c r="C401" s="6" t="s">
        <v>8</v>
      </c>
      <c r="D401" s="6">
        <v>30</v>
      </c>
      <c r="E401" s="6">
        <v>5</v>
      </c>
      <c r="F401" s="6">
        <v>1</v>
      </c>
      <c r="G401" s="6">
        <v>214</v>
      </c>
    </row>
    <row r="402" spans="2:7" ht="13.5" customHeight="1" x14ac:dyDescent="0.4">
      <c r="B402" s="5" t="s">
        <v>398</v>
      </c>
      <c r="C402" s="6" t="s">
        <v>8</v>
      </c>
      <c r="D402" s="6">
        <v>30</v>
      </c>
      <c r="E402" s="6">
        <v>5</v>
      </c>
      <c r="F402" s="6">
        <v>1</v>
      </c>
      <c r="G402" s="6">
        <v>214</v>
      </c>
    </row>
    <row r="403" spans="2:7" ht="13.5" customHeight="1" x14ac:dyDescent="0.4">
      <c r="B403" s="5" t="s">
        <v>399</v>
      </c>
      <c r="C403" s="6" t="s">
        <v>8</v>
      </c>
      <c r="D403" s="6">
        <v>30</v>
      </c>
      <c r="E403" s="6">
        <v>5</v>
      </c>
      <c r="F403" s="6">
        <v>1</v>
      </c>
      <c r="G403" s="6">
        <v>214</v>
      </c>
    </row>
    <row r="404" spans="2:7" ht="13.5" customHeight="1" x14ac:dyDescent="0.4">
      <c r="B404" s="5" t="s">
        <v>400</v>
      </c>
      <c r="C404" s="6" t="s">
        <v>8</v>
      </c>
      <c r="D404" s="6">
        <v>30</v>
      </c>
      <c r="E404" s="6">
        <v>5</v>
      </c>
      <c r="F404" s="6">
        <v>1</v>
      </c>
      <c r="G404" s="6">
        <v>214</v>
      </c>
    </row>
    <row r="405" spans="2:7" ht="13.5" customHeight="1" x14ac:dyDescent="0.4">
      <c r="B405" s="5" t="s">
        <v>401</v>
      </c>
      <c r="C405" s="6" t="s">
        <v>8</v>
      </c>
      <c r="D405" s="6">
        <v>30</v>
      </c>
      <c r="E405" s="6">
        <v>5</v>
      </c>
      <c r="F405" s="6">
        <v>1</v>
      </c>
      <c r="G405" s="6">
        <v>214</v>
      </c>
    </row>
    <row r="406" spans="2:7" ht="13.5" customHeight="1" x14ac:dyDescent="0.4">
      <c r="B406" s="5" t="s">
        <v>402</v>
      </c>
      <c r="C406" s="6" t="s">
        <v>8</v>
      </c>
      <c r="D406" s="6">
        <v>30</v>
      </c>
      <c r="E406" s="6">
        <v>5</v>
      </c>
      <c r="F406" s="6">
        <v>1</v>
      </c>
      <c r="G406" s="6">
        <v>214</v>
      </c>
    </row>
    <row r="407" spans="2:7" ht="13.5" customHeight="1" x14ac:dyDescent="0.4">
      <c r="B407" s="5" t="s">
        <v>403</v>
      </c>
      <c r="C407" s="6" t="s">
        <v>8</v>
      </c>
      <c r="D407" s="6">
        <v>30</v>
      </c>
      <c r="E407" s="6">
        <v>5</v>
      </c>
      <c r="F407" s="6">
        <v>1</v>
      </c>
      <c r="G407" s="6">
        <v>214</v>
      </c>
    </row>
    <row r="408" spans="2:7" ht="13.5" customHeight="1" x14ac:dyDescent="0.4">
      <c r="B408" s="5" t="s">
        <v>404</v>
      </c>
      <c r="C408" s="6" t="s">
        <v>8</v>
      </c>
      <c r="D408" s="6">
        <v>30</v>
      </c>
      <c r="E408" s="6">
        <v>5</v>
      </c>
      <c r="F408" s="6">
        <v>1</v>
      </c>
      <c r="G408" s="6">
        <v>214</v>
      </c>
    </row>
    <row r="409" spans="2:7" ht="13.5" customHeight="1" x14ac:dyDescent="0.4">
      <c r="B409" s="5" t="s">
        <v>405</v>
      </c>
      <c r="C409" s="6" t="s">
        <v>8</v>
      </c>
      <c r="D409" s="6">
        <v>30</v>
      </c>
      <c r="E409" s="6">
        <v>5</v>
      </c>
      <c r="F409" s="6">
        <v>1</v>
      </c>
      <c r="G409" s="6">
        <v>214</v>
      </c>
    </row>
    <row r="410" spans="2:7" ht="13.5" customHeight="1" x14ac:dyDescent="0.4">
      <c r="B410" s="5" t="s">
        <v>406</v>
      </c>
      <c r="C410" s="6" t="s">
        <v>8</v>
      </c>
      <c r="D410" s="6">
        <v>30</v>
      </c>
      <c r="E410" s="6">
        <v>5</v>
      </c>
      <c r="F410" s="6">
        <v>1</v>
      </c>
      <c r="G410" s="6">
        <v>214</v>
      </c>
    </row>
    <row r="411" spans="2:7" ht="13.5" customHeight="1" x14ac:dyDescent="0.4">
      <c r="B411" s="5" t="s">
        <v>407</v>
      </c>
      <c r="C411" s="6" t="s">
        <v>8</v>
      </c>
      <c r="D411" s="6">
        <v>30</v>
      </c>
      <c r="E411" s="6">
        <v>5</v>
      </c>
      <c r="F411" s="6">
        <v>1</v>
      </c>
      <c r="G411" s="6">
        <v>214</v>
      </c>
    </row>
    <row r="412" spans="2:7" ht="13.5" customHeight="1" x14ac:dyDescent="0.4">
      <c r="B412" s="5" t="s">
        <v>408</v>
      </c>
      <c r="C412" s="6" t="s">
        <v>8</v>
      </c>
      <c r="D412" s="6">
        <v>30</v>
      </c>
      <c r="E412" s="6">
        <v>5</v>
      </c>
      <c r="F412" s="6">
        <v>1</v>
      </c>
      <c r="G412" s="6">
        <v>214</v>
      </c>
    </row>
    <row r="413" spans="2:7" ht="13.5" customHeight="1" x14ac:dyDescent="0.4">
      <c r="B413" s="5" t="s">
        <v>409</v>
      </c>
      <c r="C413" s="6" t="s">
        <v>8</v>
      </c>
      <c r="D413" s="6">
        <v>30</v>
      </c>
      <c r="E413" s="6">
        <v>5</v>
      </c>
      <c r="F413" s="6">
        <v>1</v>
      </c>
      <c r="G413" s="6">
        <v>214</v>
      </c>
    </row>
    <row r="414" spans="2:7" ht="13.5" customHeight="1" x14ac:dyDescent="0.4">
      <c r="B414" s="5" t="s">
        <v>410</v>
      </c>
      <c r="C414" s="6" t="s">
        <v>8</v>
      </c>
      <c r="D414" s="6">
        <v>30</v>
      </c>
      <c r="E414" s="6">
        <v>5</v>
      </c>
      <c r="F414" s="6">
        <v>1</v>
      </c>
      <c r="G414" s="6">
        <v>214</v>
      </c>
    </row>
    <row r="415" spans="2:7" ht="13.5" customHeight="1" x14ac:dyDescent="0.4">
      <c r="B415" s="5" t="s">
        <v>411</v>
      </c>
      <c r="C415" s="6" t="s">
        <v>8</v>
      </c>
      <c r="D415" s="6">
        <v>30</v>
      </c>
      <c r="E415" s="6">
        <v>5</v>
      </c>
      <c r="F415" s="6">
        <v>1</v>
      </c>
      <c r="G415" s="6">
        <v>214</v>
      </c>
    </row>
    <row r="416" spans="2:7" ht="13.5" customHeight="1" x14ac:dyDescent="0.4">
      <c r="B416" s="5" t="s">
        <v>412</v>
      </c>
      <c r="C416" s="6" t="s">
        <v>8</v>
      </c>
      <c r="D416" s="6">
        <v>30</v>
      </c>
      <c r="E416" s="6">
        <v>5</v>
      </c>
      <c r="F416" s="6">
        <v>1</v>
      </c>
      <c r="G416" s="6">
        <v>214</v>
      </c>
    </row>
    <row r="417" spans="2:7" ht="13.5" customHeight="1" x14ac:dyDescent="0.4">
      <c r="B417" s="5" t="s">
        <v>413</v>
      </c>
      <c r="C417" s="6" t="s">
        <v>8</v>
      </c>
      <c r="D417" s="6">
        <v>30</v>
      </c>
      <c r="E417" s="6">
        <v>5</v>
      </c>
      <c r="F417" s="6">
        <v>1</v>
      </c>
      <c r="G417" s="6">
        <v>214</v>
      </c>
    </row>
    <row r="418" spans="2:7" ht="13.5" customHeight="1" x14ac:dyDescent="0.4">
      <c r="B418" s="5" t="s">
        <v>414</v>
      </c>
      <c r="C418" s="6" t="s">
        <v>8</v>
      </c>
      <c r="D418" s="6">
        <v>30</v>
      </c>
      <c r="E418" s="6">
        <v>5</v>
      </c>
      <c r="F418" s="6">
        <v>1</v>
      </c>
      <c r="G418" s="6">
        <v>214</v>
      </c>
    </row>
    <row r="419" spans="2:7" ht="13.5" customHeight="1" x14ac:dyDescent="0.4">
      <c r="B419" s="5" t="s">
        <v>415</v>
      </c>
      <c r="C419" s="6" t="s">
        <v>8</v>
      </c>
      <c r="D419" s="6">
        <v>30</v>
      </c>
      <c r="E419" s="6">
        <v>5</v>
      </c>
      <c r="F419" s="6">
        <v>1</v>
      </c>
      <c r="G419" s="6">
        <v>214</v>
      </c>
    </row>
    <row r="420" spans="2:7" ht="13.5" customHeight="1" x14ac:dyDescent="0.4">
      <c r="B420" s="5" t="s">
        <v>416</v>
      </c>
      <c r="C420" s="6" t="s">
        <v>8</v>
      </c>
      <c r="D420" s="6">
        <v>30</v>
      </c>
      <c r="E420" s="6">
        <v>5</v>
      </c>
      <c r="F420" s="6">
        <v>1</v>
      </c>
      <c r="G420" s="6">
        <v>214</v>
      </c>
    </row>
    <row r="421" spans="2:7" ht="13.5" customHeight="1" x14ac:dyDescent="0.4">
      <c r="B421" s="5" t="s">
        <v>417</v>
      </c>
      <c r="C421" s="6" t="s">
        <v>8</v>
      </c>
      <c r="D421" s="6">
        <v>30</v>
      </c>
      <c r="E421" s="6">
        <v>5</v>
      </c>
      <c r="F421" s="6">
        <v>1</v>
      </c>
      <c r="G421" s="6">
        <v>214</v>
      </c>
    </row>
    <row r="422" spans="2:7" ht="13.5" customHeight="1" x14ac:dyDescent="0.4">
      <c r="B422" s="5" t="s">
        <v>418</v>
      </c>
      <c r="C422" s="6" t="s">
        <v>8</v>
      </c>
      <c r="D422" s="6">
        <v>30</v>
      </c>
      <c r="E422" s="6">
        <v>5</v>
      </c>
      <c r="F422" s="6">
        <v>1</v>
      </c>
      <c r="G422" s="6">
        <v>214</v>
      </c>
    </row>
    <row r="423" spans="2:7" ht="13.5" customHeight="1" x14ac:dyDescent="0.4">
      <c r="B423" s="5" t="s">
        <v>419</v>
      </c>
      <c r="C423" s="6" t="s">
        <v>8</v>
      </c>
      <c r="D423" s="6">
        <v>30</v>
      </c>
      <c r="E423" s="6">
        <v>5</v>
      </c>
      <c r="F423" s="6">
        <v>1</v>
      </c>
      <c r="G423" s="6">
        <v>214</v>
      </c>
    </row>
    <row r="424" spans="2:7" ht="13.5" customHeight="1" x14ac:dyDescent="0.4">
      <c r="B424" s="5" t="s">
        <v>420</v>
      </c>
      <c r="C424" s="6" t="s">
        <v>8</v>
      </c>
      <c r="D424" s="6">
        <v>30</v>
      </c>
      <c r="E424" s="6">
        <v>5</v>
      </c>
      <c r="F424" s="6">
        <v>1</v>
      </c>
      <c r="G424" s="6">
        <v>214</v>
      </c>
    </row>
    <row r="425" spans="2:7" ht="13.5" customHeight="1" x14ac:dyDescent="0.4">
      <c r="B425" s="5" t="s">
        <v>421</v>
      </c>
      <c r="C425" s="6" t="s">
        <v>8</v>
      </c>
      <c r="D425" s="6">
        <v>30</v>
      </c>
      <c r="E425" s="6">
        <v>5</v>
      </c>
      <c r="F425" s="6">
        <v>1</v>
      </c>
      <c r="G425" s="6">
        <v>214</v>
      </c>
    </row>
    <row r="426" spans="2:7" ht="13.5" customHeight="1" x14ac:dyDescent="0.4">
      <c r="B426" s="5" t="s">
        <v>422</v>
      </c>
      <c r="C426" s="6" t="s">
        <v>8</v>
      </c>
      <c r="D426" s="6">
        <v>30</v>
      </c>
      <c r="E426" s="6">
        <v>5</v>
      </c>
      <c r="F426" s="6">
        <v>1</v>
      </c>
      <c r="G426" s="6">
        <v>214</v>
      </c>
    </row>
    <row r="427" spans="2:7" ht="13.5" customHeight="1" x14ac:dyDescent="0.4">
      <c r="B427" s="5" t="s">
        <v>423</v>
      </c>
      <c r="C427" s="6" t="s">
        <v>8</v>
      </c>
      <c r="D427" s="6">
        <v>30</v>
      </c>
      <c r="E427" s="6">
        <v>5</v>
      </c>
      <c r="F427" s="6">
        <v>1</v>
      </c>
      <c r="G427" s="6">
        <v>214</v>
      </c>
    </row>
    <row r="428" spans="2:7" ht="13.5" customHeight="1" x14ac:dyDescent="0.4">
      <c r="B428" s="5" t="s">
        <v>424</v>
      </c>
      <c r="C428" s="6" t="s">
        <v>8</v>
      </c>
      <c r="D428" s="6">
        <v>30</v>
      </c>
      <c r="E428" s="6">
        <v>5</v>
      </c>
      <c r="F428" s="6">
        <v>1</v>
      </c>
      <c r="G428" s="6">
        <v>214</v>
      </c>
    </row>
    <row r="429" spans="2:7" ht="13.5" customHeight="1" x14ac:dyDescent="0.4">
      <c r="B429" s="5" t="s">
        <v>425</v>
      </c>
      <c r="C429" s="6" t="s">
        <v>8</v>
      </c>
      <c r="D429" s="6">
        <v>30</v>
      </c>
      <c r="E429" s="6">
        <v>5</v>
      </c>
      <c r="F429" s="6">
        <v>1</v>
      </c>
      <c r="G429" s="6">
        <v>214</v>
      </c>
    </row>
    <row r="430" spans="2:7" ht="13.5" customHeight="1" x14ac:dyDescent="0.4">
      <c r="B430" s="5" t="s">
        <v>426</v>
      </c>
      <c r="C430" s="6" t="s">
        <v>8</v>
      </c>
      <c r="D430" s="6">
        <v>30</v>
      </c>
      <c r="E430" s="6">
        <v>5</v>
      </c>
      <c r="F430" s="6">
        <v>1</v>
      </c>
      <c r="G430" s="6">
        <v>214</v>
      </c>
    </row>
    <row r="431" spans="2:7" ht="13.5" customHeight="1" x14ac:dyDescent="0.4">
      <c r="B431" s="5" t="s">
        <v>427</v>
      </c>
      <c r="C431" s="6" t="s">
        <v>8</v>
      </c>
      <c r="D431" s="6">
        <v>30</v>
      </c>
      <c r="E431" s="6">
        <v>5</v>
      </c>
      <c r="F431" s="6">
        <v>1</v>
      </c>
      <c r="G431" s="6">
        <v>214</v>
      </c>
    </row>
    <row r="432" spans="2:7" ht="13.5" customHeight="1" x14ac:dyDescent="0.4">
      <c r="B432" s="5" t="s">
        <v>428</v>
      </c>
      <c r="C432" s="6" t="s">
        <v>8</v>
      </c>
      <c r="D432" s="6">
        <v>30</v>
      </c>
      <c r="E432" s="6">
        <v>5</v>
      </c>
      <c r="F432" s="6">
        <v>1</v>
      </c>
      <c r="G432" s="6">
        <v>214</v>
      </c>
    </row>
    <row r="433" spans="2:7" ht="13.5" customHeight="1" x14ac:dyDescent="0.4">
      <c r="B433" s="5" t="s">
        <v>429</v>
      </c>
      <c r="C433" s="6" t="s">
        <v>8</v>
      </c>
      <c r="D433" s="6">
        <v>30</v>
      </c>
      <c r="E433" s="6">
        <v>5</v>
      </c>
      <c r="F433" s="6">
        <v>1</v>
      </c>
      <c r="G433" s="6">
        <v>214</v>
      </c>
    </row>
    <row r="434" spans="2:7" ht="13.5" customHeight="1" x14ac:dyDescent="0.4">
      <c r="B434" s="6" t="s">
        <v>430</v>
      </c>
      <c r="C434" s="6" t="s">
        <v>8</v>
      </c>
      <c r="D434" s="6">
        <v>30</v>
      </c>
      <c r="E434" s="6">
        <v>5</v>
      </c>
      <c r="F434" s="6">
        <v>1</v>
      </c>
      <c r="G434" s="6">
        <v>214</v>
      </c>
    </row>
    <row r="435" spans="2:7" ht="13.5" customHeight="1" x14ac:dyDescent="0.4">
      <c r="B435" s="6" t="s">
        <v>431</v>
      </c>
      <c r="C435" s="6" t="s">
        <v>8</v>
      </c>
      <c r="D435" s="6">
        <v>30</v>
      </c>
      <c r="E435" s="6">
        <v>5</v>
      </c>
      <c r="F435" s="6">
        <v>1</v>
      </c>
      <c r="G435" s="6">
        <v>214</v>
      </c>
    </row>
    <row r="436" spans="2:7" ht="13.5" customHeight="1" x14ac:dyDescent="0.4">
      <c r="B436" s="6" t="s">
        <v>432</v>
      </c>
      <c r="C436" s="6" t="s">
        <v>8</v>
      </c>
      <c r="D436" s="6">
        <v>30</v>
      </c>
      <c r="E436" s="6">
        <v>5</v>
      </c>
      <c r="F436" s="6">
        <v>1</v>
      </c>
      <c r="G436" s="6">
        <v>214</v>
      </c>
    </row>
    <row r="437" spans="2:7" ht="13.5" customHeight="1" x14ac:dyDescent="0.4">
      <c r="B437" s="6" t="s">
        <v>433</v>
      </c>
      <c r="C437" s="6" t="s">
        <v>8</v>
      </c>
      <c r="D437" s="6">
        <v>30</v>
      </c>
      <c r="E437" s="6">
        <v>5</v>
      </c>
      <c r="F437" s="6">
        <v>1</v>
      </c>
      <c r="G437" s="6">
        <v>214</v>
      </c>
    </row>
    <row r="438" spans="2:7" ht="13.5" customHeight="1" x14ac:dyDescent="0.4">
      <c r="B438" s="6" t="s">
        <v>434</v>
      </c>
      <c r="C438" s="6" t="s">
        <v>8</v>
      </c>
      <c r="D438" s="6">
        <v>30</v>
      </c>
      <c r="E438" s="6">
        <v>5</v>
      </c>
      <c r="F438" s="6">
        <v>1</v>
      </c>
      <c r="G438" s="6">
        <v>214</v>
      </c>
    </row>
    <row r="439" spans="2:7" ht="13.5" customHeight="1" x14ac:dyDescent="0.4">
      <c r="B439" s="6" t="s">
        <v>435</v>
      </c>
      <c r="C439" s="6" t="s">
        <v>8</v>
      </c>
      <c r="D439" s="6">
        <v>30</v>
      </c>
      <c r="E439" s="6">
        <v>5</v>
      </c>
      <c r="F439" s="6">
        <v>1</v>
      </c>
      <c r="G439" s="6">
        <v>214</v>
      </c>
    </row>
    <row r="440" spans="2:7" ht="13.5" customHeight="1" x14ac:dyDescent="0.4">
      <c r="B440" s="6" t="s">
        <v>436</v>
      </c>
      <c r="C440" s="6" t="s">
        <v>8</v>
      </c>
      <c r="D440" s="6">
        <v>30</v>
      </c>
      <c r="E440" s="6">
        <v>5</v>
      </c>
      <c r="F440" s="6">
        <v>1</v>
      </c>
      <c r="G440" s="6">
        <v>214</v>
      </c>
    </row>
    <row r="441" spans="2:7" ht="13.5" customHeight="1" x14ac:dyDescent="0.4">
      <c r="B441" s="6" t="s">
        <v>437</v>
      </c>
      <c r="C441" s="6" t="s">
        <v>8</v>
      </c>
      <c r="D441" s="6">
        <v>30</v>
      </c>
      <c r="E441" s="6">
        <v>5</v>
      </c>
      <c r="F441" s="6">
        <v>1</v>
      </c>
      <c r="G441" s="6">
        <v>214</v>
      </c>
    </row>
    <row r="442" spans="2:7" ht="13.5" customHeight="1" x14ac:dyDescent="0.4">
      <c r="B442" s="6" t="s">
        <v>438</v>
      </c>
      <c r="C442" s="6" t="s">
        <v>8</v>
      </c>
      <c r="D442" s="6">
        <v>30</v>
      </c>
      <c r="E442" s="6">
        <v>5</v>
      </c>
      <c r="F442" s="6">
        <v>1</v>
      </c>
      <c r="G442" s="6">
        <v>214</v>
      </c>
    </row>
    <row r="443" spans="2:7" ht="13.5" customHeight="1" x14ac:dyDescent="0.4">
      <c r="B443" s="6" t="s">
        <v>439</v>
      </c>
      <c r="C443" s="6" t="s">
        <v>8</v>
      </c>
      <c r="D443" s="6">
        <v>30</v>
      </c>
      <c r="E443" s="6">
        <v>5</v>
      </c>
      <c r="F443" s="6">
        <v>1</v>
      </c>
      <c r="G443" s="6">
        <v>214</v>
      </c>
    </row>
    <row r="444" spans="2:7" ht="13.5" customHeight="1" x14ac:dyDescent="0.4">
      <c r="B444" s="6" t="s">
        <v>440</v>
      </c>
      <c r="C444" s="6" t="s">
        <v>8</v>
      </c>
      <c r="D444" s="6">
        <v>30</v>
      </c>
      <c r="E444" s="6">
        <v>5</v>
      </c>
      <c r="F444" s="6">
        <v>1</v>
      </c>
      <c r="G444" s="6">
        <v>214</v>
      </c>
    </row>
    <row r="445" spans="2:7" ht="13.5" customHeight="1" x14ac:dyDescent="0.4">
      <c r="B445" s="6" t="s">
        <v>441</v>
      </c>
      <c r="C445" s="6" t="s">
        <v>8</v>
      </c>
      <c r="D445" s="6">
        <v>30</v>
      </c>
      <c r="E445" s="6">
        <v>5</v>
      </c>
      <c r="F445" s="6">
        <v>1</v>
      </c>
      <c r="G445" s="6">
        <v>214</v>
      </c>
    </row>
    <row r="446" spans="2:7" ht="13.5" customHeight="1" x14ac:dyDescent="0.4">
      <c r="B446" s="6" t="s">
        <v>442</v>
      </c>
      <c r="C446" s="6" t="s">
        <v>8</v>
      </c>
      <c r="D446" s="6">
        <v>30</v>
      </c>
      <c r="E446" s="6">
        <v>5</v>
      </c>
      <c r="F446" s="6">
        <v>1</v>
      </c>
      <c r="G446" s="6">
        <v>214</v>
      </c>
    </row>
    <row r="447" spans="2:7" ht="13.5" customHeight="1" x14ac:dyDescent="0.4">
      <c r="B447" s="6" t="s">
        <v>443</v>
      </c>
      <c r="C447" s="6" t="s">
        <v>8</v>
      </c>
      <c r="D447" s="6">
        <v>30</v>
      </c>
      <c r="E447" s="6">
        <v>5</v>
      </c>
      <c r="F447" s="6">
        <v>1</v>
      </c>
      <c r="G447" s="6">
        <v>214</v>
      </c>
    </row>
    <row r="448" spans="2:7" ht="13.5" customHeight="1" x14ac:dyDescent="0.4">
      <c r="B448" s="6" t="s">
        <v>444</v>
      </c>
      <c r="C448" s="6" t="s">
        <v>8</v>
      </c>
      <c r="D448" s="6">
        <v>30</v>
      </c>
      <c r="E448" s="6">
        <v>5</v>
      </c>
      <c r="F448" s="6">
        <v>1</v>
      </c>
      <c r="G448" s="6">
        <v>214</v>
      </c>
    </row>
    <row r="449" spans="2:7" ht="13.5" customHeight="1" x14ac:dyDescent="0.4">
      <c r="B449" s="6" t="s">
        <v>445</v>
      </c>
      <c r="C449" s="6" t="s">
        <v>8</v>
      </c>
      <c r="D449" s="6">
        <v>30</v>
      </c>
      <c r="E449" s="6">
        <v>5</v>
      </c>
      <c r="F449" s="6">
        <v>1</v>
      </c>
      <c r="G449" s="6">
        <v>214</v>
      </c>
    </row>
    <row r="450" spans="2:7" ht="13.5" customHeight="1" x14ac:dyDescent="0.4">
      <c r="B450" s="6" t="s">
        <v>446</v>
      </c>
      <c r="C450" s="6" t="s">
        <v>8</v>
      </c>
      <c r="D450" s="6">
        <v>30</v>
      </c>
      <c r="E450" s="6">
        <v>5</v>
      </c>
      <c r="F450" s="6">
        <v>1</v>
      </c>
      <c r="G450" s="6">
        <v>214</v>
      </c>
    </row>
    <row r="451" spans="2:7" ht="13.5" customHeight="1" x14ac:dyDescent="0.4">
      <c r="B451" s="6" t="s">
        <v>447</v>
      </c>
      <c r="C451" s="6" t="s">
        <v>8</v>
      </c>
      <c r="D451" s="6">
        <v>30</v>
      </c>
      <c r="E451" s="6">
        <v>5</v>
      </c>
      <c r="F451" s="6">
        <v>1</v>
      </c>
      <c r="G451" s="6">
        <v>214</v>
      </c>
    </row>
    <row r="452" spans="2:7" ht="13.5" customHeight="1" x14ac:dyDescent="0.4">
      <c r="B452" s="6" t="s">
        <v>448</v>
      </c>
      <c r="C452" s="6" t="s">
        <v>8</v>
      </c>
      <c r="D452" s="6">
        <v>30</v>
      </c>
      <c r="E452" s="6">
        <v>5</v>
      </c>
      <c r="F452" s="6">
        <v>1</v>
      </c>
      <c r="G452" s="6">
        <v>214</v>
      </c>
    </row>
    <row r="453" spans="2:7" ht="13.5" customHeight="1" x14ac:dyDescent="0.4">
      <c r="B453" s="6" t="s">
        <v>449</v>
      </c>
      <c r="C453" s="6" t="s">
        <v>8</v>
      </c>
      <c r="D453" s="6">
        <v>30</v>
      </c>
      <c r="E453" s="6">
        <v>5</v>
      </c>
      <c r="F453" s="6">
        <v>1</v>
      </c>
      <c r="G453" s="6">
        <v>214</v>
      </c>
    </row>
    <row r="454" spans="2:7" ht="13.5" customHeight="1" x14ac:dyDescent="0.4">
      <c r="B454" s="6" t="s">
        <v>450</v>
      </c>
      <c r="C454" s="6" t="s">
        <v>8</v>
      </c>
      <c r="D454" s="6">
        <v>30</v>
      </c>
      <c r="E454" s="6">
        <v>5</v>
      </c>
      <c r="F454" s="6">
        <v>1</v>
      </c>
      <c r="G454" s="6">
        <v>214</v>
      </c>
    </row>
    <row r="455" spans="2:7" ht="13.5" customHeight="1" x14ac:dyDescent="0.4">
      <c r="B455" s="6" t="s">
        <v>451</v>
      </c>
      <c r="C455" s="6" t="s">
        <v>8</v>
      </c>
      <c r="D455" s="6">
        <v>30</v>
      </c>
      <c r="E455" s="6">
        <v>5</v>
      </c>
      <c r="F455" s="6">
        <v>1</v>
      </c>
      <c r="G455" s="6">
        <v>214</v>
      </c>
    </row>
    <row r="456" spans="2:7" ht="13.5" customHeight="1" x14ac:dyDescent="0.4">
      <c r="B456" s="6" t="s">
        <v>452</v>
      </c>
      <c r="C456" s="6" t="s">
        <v>8</v>
      </c>
      <c r="D456" s="6">
        <v>30</v>
      </c>
      <c r="E456" s="6">
        <v>5</v>
      </c>
      <c r="F456" s="6">
        <v>1</v>
      </c>
      <c r="G456" s="6">
        <v>214</v>
      </c>
    </row>
    <row r="457" spans="2:7" ht="13.5" customHeight="1" x14ac:dyDescent="0.4">
      <c r="B457" s="6" t="s">
        <v>453</v>
      </c>
      <c r="C457" s="6" t="s">
        <v>8</v>
      </c>
      <c r="D457" s="6">
        <v>30</v>
      </c>
      <c r="E457" s="6">
        <v>5</v>
      </c>
      <c r="F457" s="6">
        <v>1</v>
      </c>
      <c r="G457" s="6">
        <v>214</v>
      </c>
    </row>
    <row r="458" spans="2:7" ht="13.5" customHeight="1" x14ac:dyDescent="0.4">
      <c r="B458" s="6" t="s">
        <v>454</v>
      </c>
      <c r="C458" s="6" t="s">
        <v>8</v>
      </c>
      <c r="D458" s="6">
        <v>30</v>
      </c>
      <c r="E458" s="6">
        <v>5</v>
      </c>
      <c r="F458" s="6">
        <v>1</v>
      </c>
      <c r="G458" s="6">
        <v>214</v>
      </c>
    </row>
    <row r="459" spans="2:7" ht="13.5" customHeight="1" x14ac:dyDescent="0.4">
      <c r="B459" s="6" t="s">
        <v>455</v>
      </c>
      <c r="C459" s="6" t="s">
        <v>8</v>
      </c>
      <c r="D459" s="6">
        <v>30</v>
      </c>
      <c r="E459" s="6">
        <v>5</v>
      </c>
      <c r="F459" s="6">
        <v>1</v>
      </c>
      <c r="G459" s="6">
        <v>214</v>
      </c>
    </row>
    <row r="460" spans="2:7" ht="13.5" customHeight="1" x14ac:dyDescent="0.4">
      <c r="B460" s="6" t="s">
        <v>456</v>
      </c>
      <c r="C460" s="6" t="s">
        <v>8</v>
      </c>
      <c r="D460" s="6">
        <v>30</v>
      </c>
      <c r="E460" s="6">
        <v>5</v>
      </c>
      <c r="F460" s="6">
        <v>1</v>
      </c>
      <c r="G460" s="6">
        <v>214</v>
      </c>
    </row>
    <row r="461" spans="2:7" ht="13.5" customHeight="1" x14ac:dyDescent="0.4">
      <c r="B461" s="6" t="s">
        <v>457</v>
      </c>
      <c r="C461" s="6" t="s">
        <v>8</v>
      </c>
      <c r="D461" s="6">
        <v>30</v>
      </c>
      <c r="E461" s="6">
        <v>5</v>
      </c>
      <c r="F461" s="6">
        <v>1</v>
      </c>
      <c r="G461" s="6">
        <v>214</v>
      </c>
    </row>
    <row r="462" spans="2:7" ht="13.5" customHeight="1" x14ac:dyDescent="0.4">
      <c r="B462" s="6" t="s">
        <v>458</v>
      </c>
      <c r="C462" s="6" t="s">
        <v>8</v>
      </c>
      <c r="D462" s="6">
        <v>30</v>
      </c>
      <c r="E462" s="6">
        <v>5</v>
      </c>
      <c r="F462" s="6">
        <v>1</v>
      </c>
      <c r="G462" s="6">
        <v>214</v>
      </c>
    </row>
    <row r="463" spans="2:7" ht="13.5" customHeight="1" x14ac:dyDescent="0.4">
      <c r="B463" s="6" t="s">
        <v>459</v>
      </c>
      <c r="C463" s="6" t="s">
        <v>8</v>
      </c>
      <c r="D463" s="6">
        <v>30</v>
      </c>
      <c r="E463" s="6">
        <v>5</v>
      </c>
      <c r="F463" s="6">
        <v>1</v>
      </c>
      <c r="G463" s="6">
        <v>214</v>
      </c>
    </row>
    <row r="464" spans="2:7" ht="13.5" customHeight="1" x14ac:dyDescent="0.4">
      <c r="B464" s="6" t="s">
        <v>460</v>
      </c>
      <c r="C464" s="6" t="s">
        <v>8</v>
      </c>
      <c r="D464" s="6">
        <v>30</v>
      </c>
      <c r="E464" s="6">
        <v>5</v>
      </c>
      <c r="F464" s="6">
        <v>1</v>
      </c>
      <c r="G464" s="6">
        <v>214</v>
      </c>
    </row>
    <row r="465" spans="2:7" ht="13.5" customHeight="1" x14ac:dyDescent="0.4">
      <c r="B465" s="6" t="s">
        <v>461</v>
      </c>
      <c r="C465" s="6" t="s">
        <v>8</v>
      </c>
      <c r="D465" s="6">
        <v>30</v>
      </c>
      <c r="E465" s="6">
        <v>5</v>
      </c>
      <c r="F465" s="6">
        <v>1</v>
      </c>
      <c r="G465" s="6">
        <v>214</v>
      </c>
    </row>
    <row r="466" spans="2:7" ht="13.5" customHeight="1" x14ac:dyDescent="0.4">
      <c r="B466" s="6" t="s">
        <v>462</v>
      </c>
      <c r="C466" s="6" t="s">
        <v>8</v>
      </c>
      <c r="D466" s="6">
        <v>30</v>
      </c>
      <c r="E466" s="6">
        <v>5</v>
      </c>
      <c r="F466" s="6">
        <v>1</v>
      </c>
      <c r="G466" s="6">
        <v>214</v>
      </c>
    </row>
    <row r="467" spans="2:7" ht="13.5" customHeight="1" x14ac:dyDescent="0.4">
      <c r="B467" s="6" t="s">
        <v>463</v>
      </c>
      <c r="C467" s="6" t="s">
        <v>8</v>
      </c>
      <c r="D467" s="6">
        <v>30</v>
      </c>
      <c r="E467" s="6">
        <v>5</v>
      </c>
      <c r="F467" s="6">
        <v>1</v>
      </c>
      <c r="G467" s="6">
        <v>214</v>
      </c>
    </row>
    <row r="468" spans="2:7" ht="13.5" customHeight="1" x14ac:dyDescent="0.4">
      <c r="B468" s="6" t="s">
        <v>464</v>
      </c>
      <c r="C468" s="6" t="s">
        <v>8</v>
      </c>
      <c r="D468" s="6">
        <v>30</v>
      </c>
      <c r="E468" s="6">
        <v>5</v>
      </c>
      <c r="F468" s="6">
        <v>1</v>
      </c>
      <c r="G468" s="6">
        <v>214</v>
      </c>
    </row>
    <row r="469" spans="2:7" ht="13.5" customHeight="1" x14ac:dyDescent="0.4">
      <c r="B469" s="6" t="s">
        <v>465</v>
      </c>
      <c r="C469" s="6" t="s">
        <v>8</v>
      </c>
      <c r="D469" s="6">
        <v>30</v>
      </c>
      <c r="E469" s="6">
        <v>5</v>
      </c>
      <c r="F469" s="6">
        <v>1</v>
      </c>
      <c r="G469" s="6">
        <v>214</v>
      </c>
    </row>
    <row r="470" spans="2:7" ht="13.5" customHeight="1" x14ac:dyDescent="0.4">
      <c r="B470" s="6" t="s">
        <v>466</v>
      </c>
      <c r="C470" s="6" t="s">
        <v>8</v>
      </c>
      <c r="D470" s="6">
        <v>30</v>
      </c>
      <c r="E470" s="6">
        <v>5</v>
      </c>
      <c r="F470" s="6">
        <v>1</v>
      </c>
      <c r="G470" s="6">
        <v>214</v>
      </c>
    </row>
    <row r="471" spans="2:7" ht="13.5" customHeight="1" x14ac:dyDescent="0.4">
      <c r="B471" s="6" t="s">
        <v>467</v>
      </c>
      <c r="C471" s="6" t="s">
        <v>8</v>
      </c>
      <c r="D471" s="6">
        <v>30</v>
      </c>
      <c r="E471" s="6">
        <v>5</v>
      </c>
      <c r="F471" s="6">
        <v>1</v>
      </c>
      <c r="G471" s="6">
        <v>214</v>
      </c>
    </row>
    <row r="472" spans="2:7" ht="13.5" customHeight="1" x14ac:dyDescent="0.4">
      <c r="B472" s="6" t="s">
        <v>468</v>
      </c>
      <c r="C472" s="6" t="s">
        <v>8</v>
      </c>
      <c r="D472" s="6">
        <v>30</v>
      </c>
      <c r="E472" s="6">
        <v>5</v>
      </c>
      <c r="F472" s="6">
        <v>1</v>
      </c>
      <c r="G472" s="6">
        <v>214</v>
      </c>
    </row>
    <row r="473" spans="2:7" ht="13.5" customHeight="1" x14ac:dyDescent="0.4">
      <c r="B473" s="6" t="s">
        <v>469</v>
      </c>
      <c r="C473" s="6" t="s">
        <v>8</v>
      </c>
      <c r="D473" s="6">
        <v>30</v>
      </c>
      <c r="E473" s="6">
        <v>5</v>
      </c>
      <c r="F473" s="6">
        <v>1</v>
      </c>
      <c r="G473" s="6">
        <v>214</v>
      </c>
    </row>
    <row r="474" spans="2:7" ht="13.5" customHeight="1" x14ac:dyDescent="0.4">
      <c r="B474" s="6" t="s">
        <v>470</v>
      </c>
      <c r="C474" s="6" t="s">
        <v>8</v>
      </c>
      <c r="D474" s="6">
        <v>30</v>
      </c>
      <c r="E474" s="6">
        <v>5</v>
      </c>
      <c r="F474" s="6">
        <v>1</v>
      </c>
      <c r="G474" s="6">
        <v>214</v>
      </c>
    </row>
    <row r="475" spans="2:7" ht="13.5" customHeight="1" x14ac:dyDescent="0.4">
      <c r="B475" s="6" t="s">
        <v>471</v>
      </c>
      <c r="C475" s="6" t="s">
        <v>8</v>
      </c>
      <c r="D475" s="6">
        <v>30</v>
      </c>
      <c r="E475" s="6">
        <v>5</v>
      </c>
      <c r="F475" s="6">
        <v>1</v>
      </c>
      <c r="G475" s="6">
        <v>214</v>
      </c>
    </row>
    <row r="476" spans="2:7" ht="13.5" customHeight="1" x14ac:dyDescent="0.4">
      <c r="B476" s="6" t="s">
        <v>472</v>
      </c>
      <c r="C476" s="6" t="s">
        <v>8</v>
      </c>
      <c r="D476" s="6">
        <v>30</v>
      </c>
      <c r="E476" s="6">
        <v>5</v>
      </c>
      <c r="F476" s="6">
        <v>1</v>
      </c>
      <c r="G476" s="6">
        <v>214</v>
      </c>
    </row>
    <row r="477" spans="2:7" ht="13.5" customHeight="1" x14ac:dyDescent="0.4">
      <c r="B477" s="6" t="s">
        <v>473</v>
      </c>
      <c r="C477" s="6" t="s">
        <v>8</v>
      </c>
      <c r="D477" s="6">
        <v>30</v>
      </c>
      <c r="E477" s="6">
        <v>5</v>
      </c>
      <c r="F477" s="6">
        <v>1</v>
      </c>
      <c r="G477" s="6">
        <v>214</v>
      </c>
    </row>
    <row r="478" spans="2:7" ht="13.5" customHeight="1" x14ac:dyDescent="0.4">
      <c r="B478" s="6" t="s">
        <v>474</v>
      </c>
      <c r="C478" s="6" t="s">
        <v>8</v>
      </c>
      <c r="D478" s="6">
        <v>30</v>
      </c>
      <c r="E478" s="6">
        <v>5</v>
      </c>
      <c r="F478" s="6">
        <v>1</v>
      </c>
      <c r="G478" s="6">
        <v>214</v>
      </c>
    </row>
    <row r="479" spans="2:7" ht="13.5" customHeight="1" x14ac:dyDescent="0.4">
      <c r="B479" s="6" t="s">
        <v>475</v>
      </c>
      <c r="C479" s="6" t="s">
        <v>8</v>
      </c>
      <c r="D479" s="6">
        <v>30</v>
      </c>
      <c r="E479" s="6">
        <v>5</v>
      </c>
      <c r="F479" s="6">
        <v>1</v>
      </c>
      <c r="G479" s="6">
        <v>214</v>
      </c>
    </row>
    <row r="480" spans="2:7" ht="13.5" customHeight="1" x14ac:dyDescent="0.4">
      <c r="B480" s="6" t="s">
        <v>476</v>
      </c>
      <c r="C480" s="6" t="s">
        <v>8</v>
      </c>
      <c r="D480" s="6">
        <v>30</v>
      </c>
      <c r="E480" s="6">
        <v>5</v>
      </c>
      <c r="F480" s="6">
        <v>1</v>
      </c>
      <c r="G480" s="6">
        <v>214</v>
      </c>
    </row>
    <row r="481" spans="2:7" ht="13.5" customHeight="1" x14ac:dyDescent="0.4">
      <c r="B481" s="6" t="s">
        <v>477</v>
      </c>
      <c r="C481" s="6" t="s">
        <v>8</v>
      </c>
      <c r="D481" s="6">
        <v>30</v>
      </c>
      <c r="E481" s="6">
        <v>5</v>
      </c>
      <c r="F481" s="6">
        <v>1</v>
      </c>
      <c r="G481" s="6">
        <v>214</v>
      </c>
    </row>
    <row r="482" spans="2:7" ht="13.5" customHeight="1" x14ac:dyDescent="0.4">
      <c r="B482" s="6" t="s">
        <v>478</v>
      </c>
      <c r="C482" s="6" t="s">
        <v>8</v>
      </c>
      <c r="D482" s="6">
        <v>30</v>
      </c>
      <c r="E482" s="6">
        <v>5</v>
      </c>
      <c r="F482" s="6">
        <v>1</v>
      </c>
      <c r="G482" s="6">
        <v>214</v>
      </c>
    </row>
    <row r="483" spans="2:7" ht="13.5" customHeight="1" x14ac:dyDescent="0.4">
      <c r="B483" s="6" t="s">
        <v>479</v>
      </c>
      <c r="C483" s="6" t="s">
        <v>8</v>
      </c>
      <c r="D483" s="6">
        <v>30</v>
      </c>
      <c r="E483" s="6">
        <v>5</v>
      </c>
      <c r="F483" s="6">
        <v>1</v>
      </c>
      <c r="G483" s="6">
        <v>214</v>
      </c>
    </row>
    <row r="484" spans="2:7" ht="13.5" customHeight="1" x14ac:dyDescent="0.4">
      <c r="B484" s="6" t="s">
        <v>480</v>
      </c>
      <c r="C484" s="6" t="s">
        <v>8</v>
      </c>
      <c r="D484" s="6">
        <v>30</v>
      </c>
      <c r="E484" s="6">
        <v>5</v>
      </c>
      <c r="F484" s="6">
        <v>1</v>
      </c>
      <c r="G484" s="6">
        <v>214</v>
      </c>
    </row>
    <row r="485" spans="2:7" ht="13.5" customHeight="1" x14ac:dyDescent="0.4">
      <c r="B485" s="6" t="s">
        <v>481</v>
      </c>
      <c r="C485" s="6" t="s">
        <v>8</v>
      </c>
      <c r="D485" s="6">
        <v>30</v>
      </c>
      <c r="E485" s="6">
        <v>5</v>
      </c>
      <c r="F485" s="6">
        <v>1</v>
      </c>
      <c r="G485" s="6">
        <v>214</v>
      </c>
    </row>
    <row r="486" spans="2:7" ht="13.5" customHeight="1" x14ac:dyDescent="0.4">
      <c r="B486" s="6" t="s">
        <v>482</v>
      </c>
      <c r="C486" s="6" t="s">
        <v>8</v>
      </c>
      <c r="D486" s="6">
        <v>30</v>
      </c>
      <c r="E486" s="6">
        <v>5</v>
      </c>
      <c r="F486" s="6">
        <v>1</v>
      </c>
      <c r="G486" s="6">
        <v>214</v>
      </c>
    </row>
    <row r="487" spans="2:7" ht="13.5" customHeight="1" x14ac:dyDescent="0.4">
      <c r="B487" s="6" t="s">
        <v>483</v>
      </c>
      <c r="C487" s="6" t="s">
        <v>8</v>
      </c>
      <c r="D487" s="6">
        <v>30</v>
      </c>
      <c r="E487" s="6">
        <v>5</v>
      </c>
      <c r="F487" s="6">
        <v>1</v>
      </c>
      <c r="G487" s="6">
        <v>214</v>
      </c>
    </row>
    <row r="488" spans="2:7" ht="13.5" customHeight="1" x14ac:dyDescent="0.4">
      <c r="B488" s="6" t="s">
        <v>484</v>
      </c>
      <c r="C488" s="6" t="s">
        <v>8</v>
      </c>
      <c r="D488" s="6">
        <v>30</v>
      </c>
      <c r="E488" s="6">
        <v>5</v>
      </c>
      <c r="F488" s="6">
        <v>1</v>
      </c>
      <c r="G488" s="6">
        <v>214</v>
      </c>
    </row>
    <row r="489" spans="2:7" ht="13.5" customHeight="1" x14ac:dyDescent="0.4">
      <c r="B489" s="6" t="s">
        <v>485</v>
      </c>
      <c r="C489" s="6" t="s">
        <v>8</v>
      </c>
      <c r="D489" s="6">
        <v>30</v>
      </c>
      <c r="E489" s="6">
        <v>5</v>
      </c>
      <c r="F489" s="6">
        <v>1</v>
      </c>
      <c r="G489" s="6">
        <v>214</v>
      </c>
    </row>
    <row r="490" spans="2:7" ht="13.5" customHeight="1" x14ac:dyDescent="0.4">
      <c r="B490" s="6" t="s">
        <v>486</v>
      </c>
      <c r="C490" s="6" t="s">
        <v>8</v>
      </c>
      <c r="D490" s="6">
        <v>30</v>
      </c>
      <c r="E490" s="6">
        <v>5</v>
      </c>
      <c r="F490" s="6">
        <v>1</v>
      </c>
      <c r="G490" s="6">
        <v>214</v>
      </c>
    </row>
    <row r="491" spans="2:7" ht="13.5" customHeight="1" x14ac:dyDescent="0.4">
      <c r="B491" s="6" t="s">
        <v>487</v>
      </c>
      <c r="C491" s="6" t="s">
        <v>8</v>
      </c>
      <c r="D491" s="6">
        <v>30</v>
      </c>
      <c r="E491" s="6">
        <v>5</v>
      </c>
      <c r="F491" s="6">
        <v>1</v>
      </c>
      <c r="G491" s="6">
        <v>214</v>
      </c>
    </row>
    <row r="492" spans="2:7" ht="13.5" customHeight="1" x14ac:dyDescent="0.4">
      <c r="B492" s="6" t="s">
        <v>488</v>
      </c>
      <c r="C492" s="6" t="s">
        <v>8</v>
      </c>
      <c r="D492" s="6">
        <v>30</v>
      </c>
      <c r="E492" s="6">
        <v>5</v>
      </c>
      <c r="F492" s="6">
        <v>1</v>
      </c>
      <c r="G492" s="6">
        <v>214</v>
      </c>
    </row>
    <row r="493" spans="2:7" ht="13.5" customHeight="1" x14ac:dyDescent="0.4">
      <c r="B493" s="6" t="s">
        <v>489</v>
      </c>
      <c r="C493" s="6" t="s">
        <v>8</v>
      </c>
      <c r="D493" s="6">
        <v>30</v>
      </c>
      <c r="E493" s="6">
        <v>5</v>
      </c>
      <c r="F493" s="6">
        <v>1</v>
      </c>
      <c r="G493" s="6">
        <v>214</v>
      </c>
    </row>
    <row r="494" spans="2:7" ht="13.5" customHeight="1" x14ac:dyDescent="0.4">
      <c r="B494" s="6" t="s">
        <v>490</v>
      </c>
      <c r="C494" s="6" t="s">
        <v>8</v>
      </c>
      <c r="D494" s="6">
        <v>30</v>
      </c>
      <c r="E494" s="6">
        <v>5</v>
      </c>
      <c r="F494" s="6">
        <v>1</v>
      </c>
      <c r="G494" s="6">
        <v>214</v>
      </c>
    </row>
    <row r="495" spans="2:7" ht="13.5" customHeight="1" x14ac:dyDescent="0.4">
      <c r="B495" s="6" t="s">
        <v>491</v>
      </c>
      <c r="C495" s="6" t="s">
        <v>8</v>
      </c>
      <c r="D495" s="6">
        <v>30</v>
      </c>
      <c r="E495" s="6">
        <v>6</v>
      </c>
      <c r="F495" s="6">
        <v>1</v>
      </c>
      <c r="G495" s="6">
        <v>215</v>
      </c>
    </row>
    <row r="496" spans="2:7" ht="13.5" customHeight="1" x14ac:dyDescent="0.4">
      <c r="B496" s="5" t="s">
        <v>492</v>
      </c>
      <c r="C496" s="6" t="s">
        <v>8</v>
      </c>
      <c r="D496" s="6">
        <v>30</v>
      </c>
      <c r="E496" s="6">
        <v>6</v>
      </c>
      <c r="F496" s="6">
        <v>1</v>
      </c>
      <c r="G496" s="6">
        <v>215</v>
      </c>
    </row>
    <row r="497" spans="2:7" ht="13.5" customHeight="1" x14ac:dyDescent="0.4">
      <c r="B497" s="5" t="s">
        <v>493</v>
      </c>
      <c r="C497" s="6" t="s">
        <v>8</v>
      </c>
      <c r="D497" s="6">
        <v>30</v>
      </c>
      <c r="E497" s="6">
        <v>6</v>
      </c>
      <c r="F497" s="6">
        <v>1</v>
      </c>
      <c r="G497" s="6">
        <v>215</v>
      </c>
    </row>
    <row r="498" spans="2:7" ht="13.5" customHeight="1" x14ac:dyDescent="0.4">
      <c r="B498" s="5" t="s">
        <v>494</v>
      </c>
      <c r="C498" s="6" t="s">
        <v>8</v>
      </c>
      <c r="D498" s="6">
        <v>30</v>
      </c>
      <c r="E498" s="6">
        <v>6</v>
      </c>
      <c r="F498" s="6">
        <v>1</v>
      </c>
      <c r="G498" s="6">
        <v>215</v>
      </c>
    </row>
    <row r="499" spans="2:7" ht="13.5" customHeight="1" x14ac:dyDescent="0.4">
      <c r="B499" s="5" t="s">
        <v>495</v>
      </c>
      <c r="C499" s="6" t="s">
        <v>8</v>
      </c>
      <c r="D499" s="6">
        <v>30</v>
      </c>
      <c r="E499" s="6">
        <v>6</v>
      </c>
      <c r="F499" s="6">
        <v>1</v>
      </c>
      <c r="G499" s="6">
        <v>215</v>
      </c>
    </row>
    <row r="500" spans="2:7" ht="13.5" customHeight="1" x14ac:dyDescent="0.4">
      <c r="B500" s="5" t="s">
        <v>496</v>
      </c>
      <c r="C500" s="6" t="s">
        <v>8</v>
      </c>
      <c r="D500" s="6">
        <v>30</v>
      </c>
      <c r="E500" s="6">
        <v>6</v>
      </c>
      <c r="F500" s="6">
        <v>1</v>
      </c>
      <c r="G500" s="6">
        <v>215</v>
      </c>
    </row>
    <row r="501" spans="2:7" ht="13.5" customHeight="1" x14ac:dyDescent="0.4">
      <c r="B501" s="5" t="s">
        <v>497</v>
      </c>
      <c r="C501" s="6" t="s">
        <v>8</v>
      </c>
      <c r="D501" s="6">
        <v>30</v>
      </c>
      <c r="E501" s="6">
        <v>6</v>
      </c>
      <c r="F501" s="6">
        <v>1</v>
      </c>
      <c r="G501" s="6">
        <v>215</v>
      </c>
    </row>
    <row r="502" spans="2:7" ht="13.5" customHeight="1" x14ac:dyDescent="0.4">
      <c r="B502" s="5" t="s">
        <v>498</v>
      </c>
      <c r="C502" s="6" t="s">
        <v>8</v>
      </c>
      <c r="D502" s="6">
        <v>30</v>
      </c>
      <c r="E502" s="6">
        <v>6</v>
      </c>
      <c r="F502" s="6">
        <v>1</v>
      </c>
      <c r="G502" s="6">
        <v>215</v>
      </c>
    </row>
    <row r="503" spans="2:7" ht="13.5" customHeight="1" x14ac:dyDescent="0.4">
      <c r="B503" s="5" t="s">
        <v>499</v>
      </c>
      <c r="C503" s="6" t="s">
        <v>8</v>
      </c>
      <c r="D503" s="6">
        <v>30</v>
      </c>
      <c r="E503" s="6">
        <v>6</v>
      </c>
      <c r="F503" s="6">
        <v>1</v>
      </c>
      <c r="G503" s="6">
        <v>215</v>
      </c>
    </row>
    <row r="504" spans="2:7" ht="13.5" customHeight="1" x14ac:dyDescent="0.4">
      <c r="B504" s="5" t="s">
        <v>500</v>
      </c>
      <c r="C504" s="6" t="s">
        <v>8</v>
      </c>
      <c r="D504" s="6">
        <v>30</v>
      </c>
      <c r="E504" s="6">
        <v>6</v>
      </c>
      <c r="F504" s="6">
        <v>1</v>
      </c>
      <c r="G504" s="6">
        <v>215</v>
      </c>
    </row>
    <row r="505" spans="2:7" ht="13.5" customHeight="1" x14ac:dyDescent="0.4">
      <c r="B505" s="5" t="s">
        <v>501</v>
      </c>
      <c r="C505" s="6" t="s">
        <v>8</v>
      </c>
      <c r="D505" s="6">
        <v>30</v>
      </c>
      <c r="E505" s="6">
        <v>6</v>
      </c>
      <c r="F505" s="6">
        <v>1</v>
      </c>
      <c r="G505" s="6">
        <v>215</v>
      </c>
    </row>
    <row r="506" spans="2:7" ht="13.5" customHeight="1" x14ac:dyDescent="0.4">
      <c r="B506" s="5" t="s">
        <v>502</v>
      </c>
      <c r="C506" s="6" t="s">
        <v>8</v>
      </c>
      <c r="D506" s="6">
        <v>30</v>
      </c>
      <c r="E506" s="6">
        <v>6</v>
      </c>
      <c r="F506" s="6">
        <v>1</v>
      </c>
      <c r="G506" s="6">
        <v>215</v>
      </c>
    </row>
    <row r="507" spans="2:7" ht="13.5" customHeight="1" x14ac:dyDescent="0.4">
      <c r="B507" s="5" t="s">
        <v>503</v>
      </c>
      <c r="C507" s="6" t="s">
        <v>8</v>
      </c>
      <c r="D507" s="6">
        <v>30</v>
      </c>
      <c r="E507" s="6">
        <v>6</v>
      </c>
      <c r="F507" s="6">
        <v>1</v>
      </c>
      <c r="G507" s="6">
        <v>215</v>
      </c>
    </row>
    <row r="508" spans="2:7" ht="13.5" customHeight="1" x14ac:dyDescent="0.4">
      <c r="B508" s="5" t="s">
        <v>504</v>
      </c>
      <c r="C508" s="6" t="s">
        <v>8</v>
      </c>
      <c r="D508" s="6">
        <v>30</v>
      </c>
      <c r="E508" s="6">
        <v>6</v>
      </c>
      <c r="F508" s="6">
        <v>1</v>
      </c>
      <c r="G508" s="6">
        <v>215</v>
      </c>
    </row>
    <row r="509" spans="2:7" ht="13.5" customHeight="1" x14ac:dyDescent="0.4">
      <c r="B509" s="5" t="s">
        <v>505</v>
      </c>
      <c r="C509" s="6" t="s">
        <v>8</v>
      </c>
      <c r="D509" s="6">
        <v>30</v>
      </c>
      <c r="E509" s="6">
        <v>6</v>
      </c>
      <c r="F509" s="6">
        <v>1</v>
      </c>
      <c r="G509" s="6">
        <v>215</v>
      </c>
    </row>
    <row r="510" spans="2:7" ht="13.5" customHeight="1" x14ac:dyDescent="0.4">
      <c r="B510" s="8" t="s">
        <v>506</v>
      </c>
      <c r="C510" s="6" t="s">
        <v>8</v>
      </c>
      <c r="D510" s="6">
        <v>30</v>
      </c>
      <c r="E510" s="6">
        <v>6</v>
      </c>
      <c r="F510" s="6">
        <v>1</v>
      </c>
      <c r="G510" s="6">
        <v>215</v>
      </c>
    </row>
    <row r="511" spans="2:7" ht="13.5" customHeight="1" x14ac:dyDescent="0.4">
      <c r="B511" s="5" t="s">
        <v>507</v>
      </c>
      <c r="C511" s="6" t="s">
        <v>8</v>
      </c>
      <c r="D511" s="6">
        <v>30</v>
      </c>
      <c r="E511" s="6">
        <v>6</v>
      </c>
      <c r="F511" s="6">
        <v>1</v>
      </c>
      <c r="G511" s="6">
        <v>215</v>
      </c>
    </row>
    <row r="512" spans="2:7" ht="13.5" customHeight="1" x14ac:dyDescent="0.4">
      <c r="B512" s="5" t="s">
        <v>508</v>
      </c>
      <c r="C512" s="6" t="s">
        <v>8</v>
      </c>
      <c r="D512" s="6">
        <v>30</v>
      </c>
      <c r="E512" s="6">
        <v>6</v>
      </c>
      <c r="F512" s="6">
        <v>1</v>
      </c>
      <c r="G512" s="6">
        <v>215</v>
      </c>
    </row>
    <row r="513" spans="2:7" ht="13.5" customHeight="1" x14ac:dyDescent="0.4">
      <c r="B513" s="5" t="s">
        <v>509</v>
      </c>
      <c r="C513" s="6" t="s">
        <v>8</v>
      </c>
      <c r="D513" s="6">
        <v>30</v>
      </c>
      <c r="E513" s="6">
        <v>6</v>
      </c>
      <c r="F513" s="6">
        <v>1</v>
      </c>
      <c r="G513" s="6">
        <v>215</v>
      </c>
    </row>
    <row r="514" spans="2:7" ht="13.5" customHeight="1" x14ac:dyDescent="0.4">
      <c r="B514" s="5" t="s">
        <v>510</v>
      </c>
      <c r="C514" s="6" t="s">
        <v>8</v>
      </c>
      <c r="D514" s="6">
        <v>30</v>
      </c>
      <c r="E514" s="6">
        <v>6</v>
      </c>
      <c r="F514" s="6">
        <v>1</v>
      </c>
      <c r="G514" s="6">
        <v>215</v>
      </c>
    </row>
    <row r="515" spans="2:7" ht="13.5" customHeight="1" x14ac:dyDescent="0.4">
      <c r="B515" s="5" t="s">
        <v>511</v>
      </c>
      <c r="C515" s="6" t="s">
        <v>8</v>
      </c>
      <c r="D515" s="6">
        <v>30</v>
      </c>
      <c r="E515" s="6">
        <v>6</v>
      </c>
      <c r="F515" s="6">
        <v>1</v>
      </c>
      <c r="G515" s="6">
        <v>215</v>
      </c>
    </row>
    <row r="516" spans="2:7" ht="13.5" customHeight="1" x14ac:dyDescent="0.4">
      <c r="B516" s="5" t="s">
        <v>512</v>
      </c>
      <c r="C516" s="6" t="s">
        <v>8</v>
      </c>
      <c r="D516" s="6">
        <v>30</v>
      </c>
      <c r="E516" s="6">
        <v>6</v>
      </c>
      <c r="F516" s="6">
        <v>1</v>
      </c>
      <c r="G516" s="6">
        <v>215</v>
      </c>
    </row>
    <row r="517" spans="2:7" ht="13.5" customHeight="1" x14ac:dyDescent="0.4">
      <c r="B517" s="5" t="s">
        <v>513</v>
      </c>
      <c r="C517" s="6" t="s">
        <v>8</v>
      </c>
      <c r="D517" s="6">
        <v>30</v>
      </c>
      <c r="E517" s="6">
        <v>6</v>
      </c>
      <c r="F517" s="6">
        <v>1</v>
      </c>
      <c r="G517" s="6">
        <v>215</v>
      </c>
    </row>
    <row r="518" spans="2:7" ht="13.5" customHeight="1" x14ac:dyDescent="0.4">
      <c r="B518" s="5" t="s">
        <v>514</v>
      </c>
      <c r="C518" s="6" t="s">
        <v>8</v>
      </c>
      <c r="D518" s="6">
        <v>30</v>
      </c>
      <c r="E518" s="6">
        <v>6</v>
      </c>
      <c r="F518" s="6">
        <v>1</v>
      </c>
      <c r="G518" s="6">
        <v>215</v>
      </c>
    </row>
    <row r="519" spans="2:7" ht="13.5" customHeight="1" x14ac:dyDescent="0.4">
      <c r="B519" s="5" t="s">
        <v>515</v>
      </c>
      <c r="C519" s="6" t="s">
        <v>8</v>
      </c>
      <c r="D519" s="6">
        <v>30</v>
      </c>
      <c r="E519" s="6">
        <v>6</v>
      </c>
      <c r="F519" s="6">
        <v>1</v>
      </c>
      <c r="G519" s="6">
        <v>215</v>
      </c>
    </row>
    <row r="520" spans="2:7" ht="13.5" customHeight="1" x14ac:dyDescent="0.4">
      <c r="B520" s="6" t="s">
        <v>516</v>
      </c>
      <c r="C520" s="6" t="s">
        <v>8</v>
      </c>
      <c r="D520" s="6">
        <v>30</v>
      </c>
      <c r="E520" s="6">
        <v>6</v>
      </c>
      <c r="F520" s="6">
        <v>1</v>
      </c>
      <c r="G520" s="6">
        <v>215</v>
      </c>
    </row>
    <row r="521" spans="2:7" ht="13.5" customHeight="1" x14ac:dyDescent="0.4">
      <c r="B521" s="6" t="s">
        <v>517</v>
      </c>
      <c r="C521" s="6" t="s">
        <v>8</v>
      </c>
      <c r="D521" s="6">
        <v>30</v>
      </c>
      <c r="E521" s="6">
        <v>6</v>
      </c>
      <c r="F521" s="6">
        <v>1</v>
      </c>
      <c r="G521" s="6">
        <v>215</v>
      </c>
    </row>
    <row r="522" spans="2:7" ht="13.5" customHeight="1" x14ac:dyDescent="0.4">
      <c r="B522" s="6" t="s">
        <v>518</v>
      </c>
      <c r="C522" s="6" t="s">
        <v>8</v>
      </c>
      <c r="D522" s="6">
        <v>30</v>
      </c>
      <c r="E522" s="6">
        <v>6</v>
      </c>
      <c r="F522" s="6">
        <v>1</v>
      </c>
      <c r="G522" s="6">
        <v>215</v>
      </c>
    </row>
    <row r="523" spans="2:7" ht="13.5" customHeight="1" x14ac:dyDescent="0.4">
      <c r="B523" s="6" t="s">
        <v>519</v>
      </c>
      <c r="C523" s="6" t="s">
        <v>8</v>
      </c>
      <c r="D523" s="6">
        <v>30</v>
      </c>
      <c r="E523" s="6">
        <v>6</v>
      </c>
      <c r="F523" s="6">
        <v>1</v>
      </c>
      <c r="G523" s="6">
        <v>215</v>
      </c>
    </row>
    <row r="524" spans="2:7" ht="13.5" customHeight="1" x14ac:dyDescent="0.4">
      <c r="B524" s="6" t="s">
        <v>520</v>
      </c>
      <c r="C524" s="6" t="s">
        <v>8</v>
      </c>
      <c r="D524" s="6">
        <v>30</v>
      </c>
      <c r="E524" s="6">
        <v>6</v>
      </c>
      <c r="F524" s="6">
        <v>1</v>
      </c>
      <c r="G524" s="6">
        <v>215</v>
      </c>
    </row>
    <row r="525" spans="2:7" ht="13.5" customHeight="1" x14ac:dyDescent="0.4">
      <c r="B525" s="6" t="s">
        <v>521</v>
      </c>
      <c r="C525" s="6" t="s">
        <v>8</v>
      </c>
      <c r="D525" s="6">
        <v>30</v>
      </c>
      <c r="E525" s="6">
        <v>6</v>
      </c>
      <c r="F525" s="6">
        <v>1</v>
      </c>
      <c r="G525" s="6">
        <v>215</v>
      </c>
    </row>
    <row r="526" spans="2:7" ht="13.5" customHeight="1" x14ac:dyDescent="0.4">
      <c r="B526" s="6" t="s">
        <v>522</v>
      </c>
      <c r="C526" s="6" t="s">
        <v>8</v>
      </c>
      <c r="D526" s="6">
        <v>30</v>
      </c>
      <c r="E526" s="6">
        <v>6</v>
      </c>
      <c r="F526" s="6">
        <v>1</v>
      </c>
      <c r="G526" s="6">
        <v>215</v>
      </c>
    </row>
    <row r="527" spans="2:7" ht="13.5" customHeight="1" x14ac:dyDescent="0.4">
      <c r="B527" s="6" t="s">
        <v>523</v>
      </c>
      <c r="C527" s="6" t="s">
        <v>8</v>
      </c>
      <c r="D527" s="6">
        <v>30</v>
      </c>
      <c r="E527" s="6">
        <v>6</v>
      </c>
      <c r="F527" s="6">
        <v>1</v>
      </c>
      <c r="G527" s="6">
        <v>215</v>
      </c>
    </row>
    <row r="528" spans="2:7" ht="13.5" customHeight="1" x14ac:dyDescent="0.4">
      <c r="B528" s="6" t="s">
        <v>524</v>
      </c>
      <c r="C528" s="6" t="s">
        <v>8</v>
      </c>
      <c r="D528" s="6">
        <v>30</v>
      </c>
      <c r="E528" s="6">
        <v>6</v>
      </c>
      <c r="F528" s="6">
        <v>1</v>
      </c>
      <c r="G528" s="6">
        <v>215</v>
      </c>
    </row>
    <row r="529" spans="2:7" ht="13.5" customHeight="1" x14ac:dyDescent="0.4">
      <c r="B529" s="6" t="s">
        <v>525</v>
      </c>
      <c r="C529" s="6" t="s">
        <v>8</v>
      </c>
      <c r="D529" s="6">
        <v>30</v>
      </c>
      <c r="E529" s="6">
        <v>6</v>
      </c>
      <c r="F529" s="6">
        <v>1</v>
      </c>
      <c r="G529" s="6">
        <v>215</v>
      </c>
    </row>
    <row r="530" spans="2:7" ht="13.5" customHeight="1" x14ac:dyDescent="0.4">
      <c r="B530" s="6" t="s">
        <v>526</v>
      </c>
      <c r="C530" s="6" t="s">
        <v>8</v>
      </c>
      <c r="D530" s="6">
        <v>30</v>
      </c>
      <c r="E530" s="6">
        <v>6</v>
      </c>
      <c r="F530" s="6">
        <v>1</v>
      </c>
      <c r="G530" s="6">
        <v>215</v>
      </c>
    </row>
    <row r="531" spans="2:7" ht="13.5" customHeight="1" x14ac:dyDescent="0.4">
      <c r="B531" s="6" t="s">
        <v>527</v>
      </c>
      <c r="C531" s="6" t="s">
        <v>8</v>
      </c>
      <c r="D531" s="6">
        <v>30</v>
      </c>
      <c r="E531" s="6">
        <v>6</v>
      </c>
      <c r="F531" s="6">
        <v>1</v>
      </c>
      <c r="G531" s="6">
        <v>215</v>
      </c>
    </row>
    <row r="532" spans="2:7" ht="13.5" customHeight="1" x14ac:dyDescent="0.4">
      <c r="B532" s="6" t="s">
        <v>528</v>
      </c>
      <c r="C532" s="6" t="s">
        <v>8</v>
      </c>
      <c r="D532" s="6">
        <v>30</v>
      </c>
      <c r="E532" s="6">
        <v>6</v>
      </c>
      <c r="F532" s="6">
        <v>1</v>
      </c>
      <c r="G532" s="6">
        <v>215</v>
      </c>
    </row>
    <row r="533" spans="2:7" ht="13.5" customHeight="1" x14ac:dyDescent="0.4">
      <c r="B533" s="6" t="s">
        <v>529</v>
      </c>
      <c r="C533" s="6" t="s">
        <v>8</v>
      </c>
      <c r="D533" s="6">
        <v>30</v>
      </c>
      <c r="E533" s="6">
        <v>6</v>
      </c>
      <c r="F533" s="6">
        <v>1</v>
      </c>
      <c r="G533" s="6">
        <v>215</v>
      </c>
    </row>
    <row r="534" spans="2:7" ht="13.5" customHeight="1" x14ac:dyDescent="0.4">
      <c r="B534" s="6" t="s">
        <v>530</v>
      </c>
      <c r="C534" s="6" t="s">
        <v>8</v>
      </c>
      <c r="D534" s="6">
        <v>30</v>
      </c>
      <c r="E534" s="6">
        <v>6</v>
      </c>
      <c r="F534" s="6">
        <v>1</v>
      </c>
      <c r="G534" s="6">
        <v>215</v>
      </c>
    </row>
    <row r="535" spans="2:7" ht="13.5" customHeight="1" x14ac:dyDescent="0.4">
      <c r="B535" s="6" t="s">
        <v>531</v>
      </c>
      <c r="C535" s="6" t="s">
        <v>8</v>
      </c>
      <c r="D535" s="6">
        <v>30</v>
      </c>
      <c r="E535" s="6">
        <v>6</v>
      </c>
      <c r="F535" s="6">
        <v>1</v>
      </c>
      <c r="G535" s="6">
        <v>215</v>
      </c>
    </row>
    <row r="536" spans="2:7" ht="13.5" customHeight="1" x14ac:dyDescent="0.4">
      <c r="B536" s="6" t="s">
        <v>532</v>
      </c>
      <c r="C536" s="6" t="s">
        <v>8</v>
      </c>
      <c r="D536" s="6">
        <v>30</v>
      </c>
      <c r="E536" s="6">
        <v>6</v>
      </c>
      <c r="F536" s="6">
        <v>1</v>
      </c>
      <c r="G536" s="6">
        <v>215</v>
      </c>
    </row>
    <row r="537" spans="2:7" ht="13.5" customHeight="1" x14ac:dyDescent="0.4">
      <c r="B537" s="6" t="s">
        <v>533</v>
      </c>
      <c r="C537" s="6" t="s">
        <v>8</v>
      </c>
      <c r="D537" s="6">
        <v>30</v>
      </c>
      <c r="E537" s="6">
        <v>6</v>
      </c>
      <c r="F537" s="6">
        <v>1</v>
      </c>
      <c r="G537" s="6">
        <v>215</v>
      </c>
    </row>
    <row r="538" spans="2:7" ht="13.5" customHeight="1" x14ac:dyDescent="0.4">
      <c r="B538" s="6" t="s">
        <v>534</v>
      </c>
      <c r="C538" s="6" t="s">
        <v>8</v>
      </c>
      <c r="D538" s="6">
        <v>30</v>
      </c>
      <c r="E538" s="6">
        <v>6</v>
      </c>
      <c r="F538" s="6">
        <v>1</v>
      </c>
      <c r="G538" s="6">
        <v>215</v>
      </c>
    </row>
    <row r="539" spans="2:7" ht="13.5" customHeight="1" x14ac:dyDescent="0.4">
      <c r="B539" s="6" t="s">
        <v>535</v>
      </c>
      <c r="C539" s="6" t="s">
        <v>8</v>
      </c>
      <c r="D539" s="6">
        <v>30</v>
      </c>
      <c r="E539" s="6">
        <v>6</v>
      </c>
      <c r="F539" s="6">
        <v>1</v>
      </c>
      <c r="G539" s="6">
        <v>215</v>
      </c>
    </row>
    <row r="540" spans="2:7" ht="13.5" customHeight="1" x14ac:dyDescent="0.4">
      <c r="B540" s="6" t="s">
        <v>536</v>
      </c>
      <c r="C540" s="6" t="s">
        <v>8</v>
      </c>
      <c r="D540" s="6">
        <v>30</v>
      </c>
      <c r="E540" s="6">
        <v>6</v>
      </c>
      <c r="F540" s="6">
        <v>1</v>
      </c>
      <c r="G540" s="6">
        <v>215</v>
      </c>
    </row>
    <row r="541" spans="2:7" ht="13.5" customHeight="1" x14ac:dyDescent="0.4">
      <c r="B541" s="6" t="s">
        <v>537</v>
      </c>
      <c r="C541" s="6" t="s">
        <v>8</v>
      </c>
      <c r="D541" s="6">
        <v>30</v>
      </c>
      <c r="E541" s="6">
        <v>6</v>
      </c>
      <c r="F541" s="6">
        <v>1</v>
      </c>
      <c r="G541" s="6">
        <v>215</v>
      </c>
    </row>
    <row r="542" spans="2:7" ht="13.5" customHeight="1" x14ac:dyDescent="0.4">
      <c r="B542" s="6" t="s">
        <v>538</v>
      </c>
      <c r="C542" s="6" t="s">
        <v>8</v>
      </c>
      <c r="D542" s="6">
        <v>30</v>
      </c>
      <c r="E542" s="6">
        <v>6</v>
      </c>
      <c r="F542" s="6">
        <v>1</v>
      </c>
      <c r="G542" s="6">
        <v>215</v>
      </c>
    </row>
    <row r="543" spans="2:7" ht="13.5" customHeight="1" x14ac:dyDescent="0.4">
      <c r="B543" s="6" t="s">
        <v>539</v>
      </c>
      <c r="C543" s="6" t="s">
        <v>8</v>
      </c>
      <c r="D543" s="6">
        <v>30</v>
      </c>
      <c r="E543" s="6">
        <v>6</v>
      </c>
      <c r="F543" s="6">
        <v>1</v>
      </c>
      <c r="G543" s="6">
        <v>215</v>
      </c>
    </row>
    <row r="544" spans="2:7" ht="13.5" customHeight="1" x14ac:dyDescent="0.4">
      <c r="B544" s="6" t="s">
        <v>540</v>
      </c>
      <c r="C544" s="6" t="s">
        <v>8</v>
      </c>
      <c r="D544" s="6">
        <v>30</v>
      </c>
      <c r="E544" s="6">
        <v>6</v>
      </c>
      <c r="F544" s="6">
        <v>1</v>
      </c>
      <c r="G544" s="6">
        <v>215</v>
      </c>
    </row>
    <row r="545" spans="2:7" ht="13.5" customHeight="1" x14ac:dyDescent="0.4">
      <c r="B545" s="6" t="s">
        <v>541</v>
      </c>
      <c r="C545" s="6" t="s">
        <v>8</v>
      </c>
      <c r="D545" s="6">
        <v>30</v>
      </c>
      <c r="E545" s="6">
        <v>6</v>
      </c>
      <c r="F545" s="6">
        <v>1</v>
      </c>
      <c r="G545" s="6">
        <v>215</v>
      </c>
    </row>
    <row r="546" spans="2:7" ht="13.5" customHeight="1" x14ac:dyDescent="0.4">
      <c r="B546" s="6" t="s">
        <v>542</v>
      </c>
      <c r="C546" s="6" t="s">
        <v>8</v>
      </c>
      <c r="D546" s="6">
        <v>30</v>
      </c>
      <c r="E546" s="6">
        <v>6</v>
      </c>
      <c r="F546" s="6">
        <v>1</v>
      </c>
      <c r="G546" s="6">
        <v>215</v>
      </c>
    </row>
    <row r="547" spans="2:7" ht="13.5" customHeight="1" x14ac:dyDescent="0.4">
      <c r="B547" s="6" t="s">
        <v>543</v>
      </c>
      <c r="C547" s="6" t="s">
        <v>8</v>
      </c>
      <c r="D547" s="6">
        <v>30</v>
      </c>
      <c r="E547" s="6">
        <v>6</v>
      </c>
      <c r="F547" s="6">
        <v>1</v>
      </c>
      <c r="G547" s="6">
        <v>215</v>
      </c>
    </row>
    <row r="548" spans="2:7" ht="13.5" customHeight="1" x14ac:dyDescent="0.4">
      <c r="B548" s="6" t="s">
        <v>544</v>
      </c>
      <c r="C548" s="6" t="s">
        <v>8</v>
      </c>
      <c r="D548" s="6">
        <v>30</v>
      </c>
      <c r="E548" s="6">
        <v>6</v>
      </c>
      <c r="F548" s="6">
        <v>1</v>
      </c>
      <c r="G548" s="6">
        <v>215</v>
      </c>
    </row>
    <row r="549" spans="2:7" ht="13.5" customHeight="1" x14ac:dyDescent="0.4">
      <c r="B549" s="6" t="s">
        <v>545</v>
      </c>
      <c r="C549" s="6" t="s">
        <v>8</v>
      </c>
      <c r="D549" s="6">
        <v>30</v>
      </c>
      <c r="E549" s="6">
        <v>6</v>
      </c>
      <c r="F549" s="6">
        <v>1</v>
      </c>
      <c r="G549" s="6">
        <v>215</v>
      </c>
    </row>
    <row r="550" spans="2:7" ht="13.5" customHeight="1" x14ac:dyDescent="0.4">
      <c r="B550" s="6" t="s">
        <v>546</v>
      </c>
      <c r="C550" s="6" t="s">
        <v>8</v>
      </c>
      <c r="D550" s="6">
        <v>30</v>
      </c>
      <c r="E550" s="6">
        <v>6</v>
      </c>
      <c r="F550" s="6">
        <v>1</v>
      </c>
      <c r="G550" s="6">
        <v>215</v>
      </c>
    </row>
    <row r="551" spans="2:7" ht="13.5" customHeight="1" x14ac:dyDescent="0.4">
      <c r="B551" s="6" t="s">
        <v>547</v>
      </c>
      <c r="C551" s="6" t="s">
        <v>8</v>
      </c>
      <c r="D551" s="6">
        <v>30</v>
      </c>
      <c r="E551" s="6">
        <v>6</v>
      </c>
      <c r="F551" s="6">
        <v>1</v>
      </c>
      <c r="G551" s="6">
        <v>215</v>
      </c>
    </row>
    <row r="552" spans="2:7" ht="13.5" customHeight="1" x14ac:dyDescent="0.4">
      <c r="B552" s="6" t="s">
        <v>548</v>
      </c>
      <c r="C552" s="6" t="s">
        <v>8</v>
      </c>
      <c r="D552" s="6">
        <v>30</v>
      </c>
      <c r="E552" s="6">
        <v>6</v>
      </c>
      <c r="F552" s="6">
        <v>1</v>
      </c>
      <c r="G552" s="6">
        <v>215</v>
      </c>
    </row>
    <row r="553" spans="2:7" ht="13.5" customHeight="1" x14ac:dyDescent="0.4">
      <c r="B553" s="6" t="s">
        <v>549</v>
      </c>
      <c r="C553" s="6" t="s">
        <v>8</v>
      </c>
      <c r="D553" s="6">
        <v>30</v>
      </c>
      <c r="E553" s="6">
        <v>6</v>
      </c>
      <c r="F553" s="6">
        <v>1</v>
      </c>
      <c r="G553" s="6">
        <v>215</v>
      </c>
    </row>
    <row r="554" spans="2:7" ht="13.5" customHeight="1" x14ac:dyDescent="0.4">
      <c r="B554" s="6" t="s">
        <v>550</v>
      </c>
      <c r="C554" s="6" t="s">
        <v>8</v>
      </c>
      <c r="D554" s="6">
        <v>30</v>
      </c>
      <c r="E554" s="6">
        <v>6</v>
      </c>
      <c r="F554" s="6">
        <v>1</v>
      </c>
      <c r="G554" s="6">
        <v>215</v>
      </c>
    </row>
    <row r="555" spans="2:7" ht="13.5" customHeight="1" x14ac:dyDescent="0.4">
      <c r="B555" s="6" t="s">
        <v>551</v>
      </c>
      <c r="C555" s="6" t="s">
        <v>8</v>
      </c>
      <c r="D555" s="6">
        <v>30</v>
      </c>
      <c r="E555" s="6">
        <v>6</v>
      </c>
      <c r="F555" s="6">
        <v>1</v>
      </c>
      <c r="G555" s="6">
        <v>215</v>
      </c>
    </row>
    <row r="556" spans="2:7" ht="13.5" customHeight="1" x14ac:dyDescent="0.4">
      <c r="B556" s="6" t="s">
        <v>552</v>
      </c>
      <c r="C556" s="6" t="s">
        <v>8</v>
      </c>
      <c r="D556" s="6">
        <v>30</v>
      </c>
      <c r="E556" s="6">
        <v>6</v>
      </c>
      <c r="F556" s="6">
        <v>1</v>
      </c>
      <c r="G556" s="6">
        <v>215</v>
      </c>
    </row>
    <row r="557" spans="2:7" ht="13.5" customHeight="1" x14ac:dyDescent="0.4">
      <c r="B557" s="6" t="s">
        <v>553</v>
      </c>
      <c r="C557" s="6" t="s">
        <v>8</v>
      </c>
      <c r="D557" s="6">
        <v>30</v>
      </c>
      <c r="E557" s="6">
        <v>6</v>
      </c>
      <c r="F557" s="6">
        <v>1</v>
      </c>
      <c r="G557" s="6">
        <v>215</v>
      </c>
    </row>
    <row r="558" spans="2:7" ht="13.5" customHeight="1" x14ac:dyDescent="0.4">
      <c r="B558" s="6" t="s">
        <v>554</v>
      </c>
      <c r="C558" s="6" t="s">
        <v>8</v>
      </c>
      <c r="D558" s="6">
        <v>30</v>
      </c>
      <c r="E558" s="6">
        <v>6</v>
      </c>
      <c r="F558" s="6">
        <v>1</v>
      </c>
      <c r="G558" s="6">
        <v>215</v>
      </c>
    </row>
    <row r="559" spans="2:7" ht="13.5" customHeight="1" x14ac:dyDescent="0.4">
      <c r="B559" s="6" t="s">
        <v>555</v>
      </c>
      <c r="C559" s="6" t="s">
        <v>8</v>
      </c>
      <c r="D559" s="6">
        <v>30</v>
      </c>
      <c r="E559" s="6">
        <v>6</v>
      </c>
      <c r="F559" s="6">
        <v>1</v>
      </c>
      <c r="G559" s="6">
        <v>215</v>
      </c>
    </row>
    <row r="560" spans="2:7" ht="13.5" customHeight="1" x14ac:dyDescent="0.4">
      <c r="B560" s="6" t="s">
        <v>556</v>
      </c>
      <c r="C560" s="6" t="s">
        <v>8</v>
      </c>
      <c r="D560" s="6">
        <v>30</v>
      </c>
      <c r="E560" s="6">
        <v>6</v>
      </c>
      <c r="F560" s="6">
        <v>1</v>
      </c>
      <c r="G560" s="6">
        <v>215</v>
      </c>
    </row>
    <row r="561" spans="2:7" ht="13.5" customHeight="1" x14ac:dyDescent="0.4">
      <c r="B561" s="6" t="s">
        <v>557</v>
      </c>
      <c r="C561" s="6" t="s">
        <v>8</v>
      </c>
      <c r="D561" s="6">
        <v>30</v>
      </c>
      <c r="E561" s="6">
        <v>6</v>
      </c>
      <c r="F561" s="6">
        <v>1</v>
      </c>
      <c r="G561" s="6">
        <v>215</v>
      </c>
    </row>
    <row r="562" spans="2:7" ht="13.5" customHeight="1" x14ac:dyDescent="0.4">
      <c r="B562" s="6" t="s">
        <v>558</v>
      </c>
      <c r="C562" s="6" t="s">
        <v>8</v>
      </c>
      <c r="D562" s="6">
        <v>30</v>
      </c>
      <c r="E562" s="6">
        <v>6</v>
      </c>
      <c r="F562" s="6">
        <v>1</v>
      </c>
      <c r="G562" s="6">
        <v>215</v>
      </c>
    </row>
    <row r="563" spans="2:7" ht="13.5" customHeight="1" x14ac:dyDescent="0.4">
      <c r="B563" s="6" t="s">
        <v>559</v>
      </c>
      <c r="C563" s="6" t="s">
        <v>8</v>
      </c>
      <c r="D563" s="6">
        <v>30</v>
      </c>
      <c r="E563" s="6">
        <v>6</v>
      </c>
      <c r="F563" s="6">
        <v>1</v>
      </c>
      <c r="G563" s="6">
        <v>215</v>
      </c>
    </row>
    <row r="564" spans="2:7" ht="13.5" customHeight="1" x14ac:dyDescent="0.4">
      <c r="B564" s="6" t="s">
        <v>560</v>
      </c>
      <c r="C564" s="6" t="s">
        <v>8</v>
      </c>
      <c r="D564" s="6">
        <v>30</v>
      </c>
      <c r="E564" s="6">
        <v>6</v>
      </c>
      <c r="F564" s="6">
        <v>1</v>
      </c>
      <c r="G564" s="6">
        <v>215</v>
      </c>
    </row>
    <row r="565" spans="2:7" ht="13.5" customHeight="1" x14ac:dyDescent="0.4">
      <c r="B565" s="6" t="s">
        <v>561</v>
      </c>
      <c r="C565" s="6" t="s">
        <v>8</v>
      </c>
      <c r="D565" s="6">
        <v>30</v>
      </c>
      <c r="E565" s="6">
        <v>6</v>
      </c>
      <c r="F565" s="6">
        <v>1</v>
      </c>
      <c r="G565" s="6">
        <v>215</v>
      </c>
    </row>
    <row r="566" spans="2:7" ht="13.5" customHeight="1" x14ac:dyDescent="0.4">
      <c r="B566" s="6" t="s">
        <v>562</v>
      </c>
      <c r="C566" s="6" t="s">
        <v>8</v>
      </c>
      <c r="D566" s="6">
        <v>30</v>
      </c>
      <c r="E566" s="6">
        <v>6</v>
      </c>
      <c r="F566" s="6">
        <v>1</v>
      </c>
      <c r="G566" s="6">
        <v>215</v>
      </c>
    </row>
    <row r="567" spans="2:7" ht="13.5" customHeight="1" x14ac:dyDescent="0.4">
      <c r="B567" s="6" t="s">
        <v>563</v>
      </c>
      <c r="C567" s="6" t="s">
        <v>8</v>
      </c>
      <c r="D567" s="6">
        <v>30</v>
      </c>
      <c r="E567" s="6">
        <v>6</v>
      </c>
      <c r="F567" s="6">
        <v>1</v>
      </c>
      <c r="G567" s="6">
        <v>215</v>
      </c>
    </row>
    <row r="568" spans="2:7" ht="13.5" customHeight="1" x14ac:dyDescent="0.4">
      <c r="B568" s="6" t="s">
        <v>564</v>
      </c>
      <c r="C568" s="6" t="s">
        <v>8</v>
      </c>
      <c r="D568" s="6">
        <v>30</v>
      </c>
      <c r="E568" s="6">
        <v>6</v>
      </c>
      <c r="F568" s="6">
        <v>1</v>
      </c>
      <c r="G568" s="6">
        <v>215</v>
      </c>
    </row>
    <row r="569" spans="2:7" ht="13.5" customHeight="1" x14ac:dyDescent="0.4">
      <c r="B569" s="6" t="s">
        <v>565</v>
      </c>
      <c r="C569" s="6" t="s">
        <v>8</v>
      </c>
      <c r="D569" s="6">
        <v>30</v>
      </c>
      <c r="E569" s="6">
        <v>6</v>
      </c>
      <c r="F569" s="6">
        <v>1</v>
      </c>
      <c r="G569" s="6">
        <v>215</v>
      </c>
    </row>
    <row r="570" spans="2:7" ht="13.5" customHeight="1" x14ac:dyDescent="0.4">
      <c r="B570" s="6" t="s">
        <v>566</v>
      </c>
      <c r="C570" s="6" t="s">
        <v>8</v>
      </c>
      <c r="D570" s="6">
        <v>30</v>
      </c>
      <c r="E570" s="6">
        <v>6</v>
      </c>
      <c r="F570" s="6">
        <v>1</v>
      </c>
      <c r="G570" s="6">
        <v>215</v>
      </c>
    </row>
    <row r="571" spans="2:7" ht="13.5" customHeight="1" x14ac:dyDescent="0.4">
      <c r="B571" s="6" t="s">
        <v>567</v>
      </c>
      <c r="C571" s="6" t="s">
        <v>8</v>
      </c>
      <c r="D571" s="6">
        <v>30</v>
      </c>
      <c r="E571" s="6">
        <v>6</v>
      </c>
      <c r="F571" s="6">
        <v>1</v>
      </c>
      <c r="G571" s="6">
        <v>215</v>
      </c>
    </row>
    <row r="572" spans="2:7" ht="13.5" customHeight="1" x14ac:dyDescent="0.4">
      <c r="B572" s="5" t="s">
        <v>568</v>
      </c>
      <c r="C572" s="6" t="s">
        <v>8</v>
      </c>
      <c r="D572" s="6">
        <v>30</v>
      </c>
      <c r="E572" s="6">
        <v>6</v>
      </c>
      <c r="F572" s="6">
        <v>1</v>
      </c>
      <c r="G572" s="6">
        <v>215</v>
      </c>
    </row>
    <row r="573" spans="2:7" ht="13.5" customHeight="1" x14ac:dyDescent="0.4">
      <c r="B573" s="5" t="s">
        <v>569</v>
      </c>
      <c r="C573" s="6" t="s">
        <v>8</v>
      </c>
      <c r="D573" s="6">
        <v>30</v>
      </c>
      <c r="E573" s="6">
        <v>6</v>
      </c>
      <c r="F573" s="6">
        <v>1</v>
      </c>
      <c r="G573" s="6">
        <v>215</v>
      </c>
    </row>
    <row r="574" spans="2:7" ht="13.5" customHeight="1" x14ac:dyDescent="0.4">
      <c r="B574" s="5" t="s">
        <v>570</v>
      </c>
      <c r="C574" s="6" t="s">
        <v>8</v>
      </c>
      <c r="D574" s="6">
        <v>30</v>
      </c>
      <c r="E574" s="6">
        <v>6</v>
      </c>
      <c r="F574" s="6">
        <v>1</v>
      </c>
      <c r="G574" s="6">
        <v>215</v>
      </c>
    </row>
    <row r="575" spans="2:7" ht="13.5" customHeight="1" x14ac:dyDescent="0.4">
      <c r="B575" s="5" t="s">
        <v>571</v>
      </c>
      <c r="C575" s="6" t="s">
        <v>8</v>
      </c>
      <c r="D575" s="6">
        <v>30</v>
      </c>
      <c r="E575" s="6">
        <v>6</v>
      </c>
      <c r="F575" s="6">
        <v>1</v>
      </c>
      <c r="G575" s="6">
        <v>215</v>
      </c>
    </row>
    <row r="576" spans="2:7" ht="13.5" customHeight="1" x14ac:dyDescent="0.4">
      <c r="B576" s="5" t="s">
        <v>572</v>
      </c>
      <c r="C576" s="6" t="s">
        <v>8</v>
      </c>
      <c r="D576" s="6">
        <v>30</v>
      </c>
      <c r="E576" s="6">
        <v>6</v>
      </c>
      <c r="F576" s="6">
        <v>1</v>
      </c>
      <c r="G576" s="6">
        <v>215</v>
      </c>
    </row>
    <row r="577" spans="2:7" ht="13.5" customHeight="1" x14ac:dyDescent="0.4">
      <c r="B577" s="5" t="s">
        <v>573</v>
      </c>
      <c r="C577" s="6" t="s">
        <v>8</v>
      </c>
      <c r="D577" s="6">
        <v>30</v>
      </c>
      <c r="E577" s="6">
        <v>6</v>
      </c>
      <c r="F577" s="6">
        <v>1</v>
      </c>
      <c r="G577" s="6">
        <v>215</v>
      </c>
    </row>
    <row r="578" spans="2:7" ht="13.5" customHeight="1" x14ac:dyDescent="0.4">
      <c r="B578" s="5" t="s">
        <v>574</v>
      </c>
      <c r="C578" s="6" t="s">
        <v>8</v>
      </c>
      <c r="D578" s="6">
        <v>30</v>
      </c>
      <c r="E578" s="6">
        <v>6</v>
      </c>
      <c r="F578" s="6">
        <v>1</v>
      </c>
      <c r="G578" s="6">
        <v>215</v>
      </c>
    </row>
    <row r="579" spans="2:7" ht="13.5" customHeight="1" x14ac:dyDescent="0.4">
      <c r="B579" s="5" t="s">
        <v>575</v>
      </c>
      <c r="C579" s="6" t="s">
        <v>8</v>
      </c>
      <c r="D579" s="6">
        <v>30</v>
      </c>
      <c r="E579" s="6">
        <v>6</v>
      </c>
      <c r="F579" s="6">
        <v>1</v>
      </c>
      <c r="G579" s="6">
        <v>215</v>
      </c>
    </row>
    <row r="580" spans="2:7" ht="13.5" customHeight="1" x14ac:dyDescent="0.4">
      <c r="B580" s="5" t="s">
        <v>576</v>
      </c>
      <c r="C580" s="6" t="s">
        <v>8</v>
      </c>
      <c r="D580" s="6">
        <v>30</v>
      </c>
      <c r="E580" s="6">
        <v>6</v>
      </c>
      <c r="F580" s="6">
        <v>1</v>
      </c>
      <c r="G580" s="6">
        <v>215</v>
      </c>
    </row>
    <row r="581" spans="2:7" ht="13.5" customHeight="1" x14ac:dyDescent="0.4">
      <c r="B581" s="5" t="s">
        <v>577</v>
      </c>
      <c r="C581" s="6" t="s">
        <v>8</v>
      </c>
      <c r="D581" s="6">
        <v>30</v>
      </c>
      <c r="E581" s="6">
        <v>6</v>
      </c>
      <c r="F581" s="6">
        <v>1</v>
      </c>
      <c r="G581" s="6">
        <v>215</v>
      </c>
    </row>
    <row r="582" spans="2:7" ht="13.5" customHeight="1" x14ac:dyDescent="0.4">
      <c r="B582" s="5" t="s">
        <v>578</v>
      </c>
      <c r="C582" s="6" t="s">
        <v>8</v>
      </c>
      <c r="D582" s="6">
        <v>30</v>
      </c>
      <c r="E582" s="6">
        <v>6</v>
      </c>
      <c r="F582" s="6">
        <v>1</v>
      </c>
      <c r="G582" s="6">
        <v>215</v>
      </c>
    </row>
    <row r="583" spans="2:7" ht="13.5" customHeight="1" x14ac:dyDescent="0.4">
      <c r="B583" s="5" t="s">
        <v>579</v>
      </c>
      <c r="C583" s="6" t="s">
        <v>8</v>
      </c>
      <c r="D583" s="6">
        <v>30</v>
      </c>
      <c r="E583" s="6">
        <v>6</v>
      </c>
      <c r="F583" s="6">
        <v>1</v>
      </c>
      <c r="G583" s="6">
        <v>215</v>
      </c>
    </row>
    <row r="584" spans="2:7" ht="13.5" customHeight="1" x14ac:dyDescent="0.4">
      <c r="B584" s="5" t="s">
        <v>580</v>
      </c>
      <c r="C584" s="6" t="s">
        <v>8</v>
      </c>
      <c r="D584" s="6">
        <v>30</v>
      </c>
      <c r="E584" s="6">
        <v>6</v>
      </c>
      <c r="F584" s="6">
        <v>1</v>
      </c>
      <c r="G584" s="6">
        <v>215</v>
      </c>
    </row>
    <row r="585" spans="2:7" ht="13.5" customHeight="1" x14ac:dyDescent="0.4">
      <c r="B585" s="5" t="s">
        <v>581</v>
      </c>
      <c r="C585" s="6" t="s">
        <v>8</v>
      </c>
      <c r="D585" s="6">
        <v>30</v>
      </c>
      <c r="E585" s="6">
        <v>6</v>
      </c>
      <c r="F585" s="6">
        <v>1</v>
      </c>
      <c r="G585" s="6">
        <v>215</v>
      </c>
    </row>
    <row r="586" spans="2:7" ht="13.5" customHeight="1" x14ac:dyDescent="0.4">
      <c r="B586" s="5" t="s">
        <v>582</v>
      </c>
      <c r="C586" s="6" t="s">
        <v>8</v>
      </c>
      <c r="D586" s="6">
        <v>30</v>
      </c>
      <c r="E586" s="6">
        <v>6</v>
      </c>
      <c r="F586" s="6">
        <v>1</v>
      </c>
      <c r="G586" s="6">
        <v>215</v>
      </c>
    </row>
    <row r="587" spans="2:7" ht="13.5" customHeight="1" x14ac:dyDescent="0.4">
      <c r="B587" s="5" t="s">
        <v>583</v>
      </c>
      <c r="C587" s="6" t="s">
        <v>8</v>
      </c>
      <c r="D587" s="6">
        <v>30</v>
      </c>
      <c r="E587" s="6">
        <v>6</v>
      </c>
      <c r="F587" s="6">
        <v>1</v>
      </c>
      <c r="G587" s="6">
        <v>215</v>
      </c>
    </row>
    <row r="588" spans="2:7" ht="13.5" customHeight="1" x14ac:dyDescent="0.4">
      <c r="B588" s="5" t="s">
        <v>584</v>
      </c>
      <c r="C588" s="6" t="s">
        <v>8</v>
      </c>
      <c r="D588" s="6">
        <v>30</v>
      </c>
      <c r="E588" s="6">
        <v>6</v>
      </c>
      <c r="F588" s="6">
        <v>1</v>
      </c>
      <c r="G588" s="6">
        <v>215</v>
      </c>
    </row>
    <row r="589" spans="2:7" ht="13.5" customHeight="1" x14ac:dyDescent="0.4">
      <c r="B589" s="5" t="s">
        <v>585</v>
      </c>
      <c r="C589" s="6" t="s">
        <v>8</v>
      </c>
      <c r="D589" s="6">
        <v>30</v>
      </c>
      <c r="E589" s="6">
        <v>6</v>
      </c>
      <c r="F589" s="6">
        <v>1</v>
      </c>
      <c r="G589" s="6">
        <v>215</v>
      </c>
    </row>
    <row r="590" spans="2:7" ht="13.5" customHeight="1" x14ac:dyDescent="0.4">
      <c r="B590" s="5" t="s">
        <v>586</v>
      </c>
      <c r="C590" s="6" t="s">
        <v>8</v>
      </c>
      <c r="D590" s="6">
        <v>30</v>
      </c>
      <c r="E590" s="6">
        <v>6</v>
      </c>
      <c r="F590" s="6">
        <v>1</v>
      </c>
      <c r="G590" s="6">
        <v>215</v>
      </c>
    </row>
    <row r="591" spans="2:7" ht="13.5" customHeight="1" x14ac:dyDescent="0.4">
      <c r="B591" s="5" t="s">
        <v>587</v>
      </c>
      <c r="C591" s="6" t="s">
        <v>8</v>
      </c>
      <c r="D591" s="6">
        <v>30</v>
      </c>
      <c r="E591" s="6">
        <v>6</v>
      </c>
      <c r="F591" s="6">
        <v>1</v>
      </c>
      <c r="G591" s="6">
        <v>215</v>
      </c>
    </row>
    <row r="592" spans="2:7" ht="13.5" customHeight="1" x14ac:dyDescent="0.4">
      <c r="B592" s="5" t="s">
        <v>588</v>
      </c>
      <c r="C592" s="6" t="s">
        <v>8</v>
      </c>
      <c r="D592" s="6">
        <v>30</v>
      </c>
      <c r="E592" s="6">
        <v>6</v>
      </c>
      <c r="F592" s="6">
        <v>1</v>
      </c>
      <c r="G592" s="6">
        <v>215</v>
      </c>
    </row>
    <row r="593" spans="2:7" ht="13.5" customHeight="1" x14ac:dyDescent="0.4">
      <c r="B593" s="5" t="s">
        <v>589</v>
      </c>
      <c r="C593" s="6" t="s">
        <v>8</v>
      </c>
      <c r="D593" s="6">
        <v>30</v>
      </c>
      <c r="E593" s="6">
        <v>6</v>
      </c>
      <c r="F593" s="6">
        <v>1</v>
      </c>
      <c r="G593" s="6">
        <v>215</v>
      </c>
    </row>
    <row r="594" spans="2:7" ht="13.5" customHeight="1" x14ac:dyDescent="0.4">
      <c r="B594" s="5" t="s">
        <v>590</v>
      </c>
      <c r="C594" s="6" t="s">
        <v>8</v>
      </c>
      <c r="D594" s="6">
        <v>30</v>
      </c>
      <c r="E594" s="6">
        <v>6</v>
      </c>
      <c r="F594" s="6">
        <v>1</v>
      </c>
      <c r="G594" s="6">
        <v>215</v>
      </c>
    </row>
    <row r="595" spans="2:7" ht="13.5" customHeight="1" x14ac:dyDescent="0.4">
      <c r="B595" s="5" t="s">
        <v>591</v>
      </c>
      <c r="C595" s="6" t="s">
        <v>8</v>
      </c>
      <c r="D595" s="6">
        <v>30</v>
      </c>
      <c r="E595" s="6">
        <v>6</v>
      </c>
      <c r="F595" s="6">
        <v>1</v>
      </c>
      <c r="G595" s="6">
        <v>215</v>
      </c>
    </row>
    <row r="596" spans="2:7" ht="13.5" customHeight="1" x14ac:dyDescent="0.4">
      <c r="B596" s="5" t="s">
        <v>592</v>
      </c>
      <c r="C596" s="6" t="s">
        <v>8</v>
      </c>
      <c r="D596" s="6">
        <v>30</v>
      </c>
      <c r="E596" s="6">
        <v>6</v>
      </c>
      <c r="F596" s="6">
        <v>1</v>
      </c>
      <c r="G596" s="6">
        <v>215</v>
      </c>
    </row>
    <row r="597" spans="2:7" ht="13.5" customHeight="1" x14ac:dyDescent="0.4">
      <c r="B597" s="5" t="s">
        <v>593</v>
      </c>
      <c r="C597" s="6" t="s">
        <v>8</v>
      </c>
      <c r="D597" s="6">
        <v>30</v>
      </c>
      <c r="E597" s="6">
        <v>6</v>
      </c>
      <c r="F597" s="6">
        <v>1</v>
      </c>
      <c r="G597" s="6">
        <v>215</v>
      </c>
    </row>
    <row r="598" spans="2:7" ht="13.5" customHeight="1" x14ac:dyDescent="0.4">
      <c r="B598" s="5" t="s">
        <v>594</v>
      </c>
      <c r="C598" s="6" t="s">
        <v>8</v>
      </c>
      <c r="D598" s="6">
        <v>30</v>
      </c>
      <c r="E598" s="6">
        <v>6</v>
      </c>
      <c r="F598" s="6">
        <v>1</v>
      </c>
      <c r="G598" s="6">
        <v>215</v>
      </c>
    </row>
    <row r="599" spans="2:7" ht="13.5" customHeight="1" x14ac:dyDescent="0.4">
      <c r="B599" s="5" t="s">
        <v>595</v>
      </c>
      <c r="C599" s="6" t="s">
        <v>8</v>
      </c>
      <c r="D599" s="6">
        <v>30</v>
      </c>
      <c r="E599" s="6">
        <v>6</v>
      </c>
      <c r="F599" s="6">
        <v>1</v>
      </c>
      <c r="G599" s="6">
        <v>215</v>
      </c>
    </row>
    <row r="600" spans="2:7" ht="13.5" customHeight="1" x14ac:dyDescent="0.4">
      <c r="B600" s="5" t="s">
        <v>596</v>
      </c>
      <c r="C600" s="6" t="s">
        <v>8</v>
      </c>
      <c r="D600" s="6">
        <v>30</v>
      </c>
      <c r="E600" s="6">
        <v>6</v>
      </c>
      <c r="F600" s="6">
        <v>1</v>
      </c>
      <c r="G600" s="6">
        <v>215</v>
      </c>
    </row>
    <row r="601" spans="2:7" ht="13.5" customHeight="1" x14ac:dyDescent="0.4">
      <c r="B601" s="5" t="s">
        <v>597</v>
      </c>
      <c r="C601" s="6" t="s">
        <v>8</v>
      </c>
      <c r="D601" s="6">
        <v>30</v>
      </c>
      <c r="E601" s="6">
        <v>6</v>
      </c>
      <c r="F601" s="6">
        <v>1</v>
      </c>
      <c r="G601" s="6">
        <v>215</v>
      </c>
    </row>
    <row r="602" spans="2:7" ht="13.5" customHeight="1" x14ac:dyDescent="0.4">
      <c r="B602" s="9" t="s">
        <v>598</v>
      </c>
      <c r="C602" s="10" t="s">
        <v>8</v>
      </c>
      <c r="D602" s="10">
        <v>30</v>
      </c>
      <c r="E602" s="10">
        <v>7</v>
      </c>
      <c r="F602" s="10">
        <v>1</v>
      </c>
      <c r="G602" s="10">
        <v>216</v>
      </c>
    </row>
    <row r="603" spans="2:7" ht="13.5" customHeight="1" x14ac:dyDescent="0.4">
      <c r="B603" s="10" t="s">
        <v>599</v>
      </c>
      <c r="C603" s="10" t="s">
        <v>8</v>
      </c>
      <c r="D603" s="10">
        <v>30</v>
      </c>
      <c r="E603" s="10">
        <v>7</v>
      </c>
      <c r="F603" s="10">
        <v>1</v>
      </c>
      <c r="G603" s="10">
        <v>216</v>
      </c>
    </row>
    <row r="604" spans="2:7" ht="13.5" customHeight="1" x14ac:dyDescent="0.4">
      <c r="B604" s="10" t="s">
        <v>600</v>
      </c>
      <c r="C604" s="10" t="s">
        <v>8</v>
      </c>
      <c r="D604" s="10">
        <v>30</v>
      </c>
      <c r="E604" s="10">
        <v>7</v>
      </c>
      <c r="F604" s="10">
        <v>1</v>
      </c>
      <c r="G604" s="10">
        <v>216</v>
      </c>
    </row>
    <row r="605" spans="2:7" ht="13.5" customHeight="1" x14ac:dyDescent="0.4">
      <c r="B605" s="10" t="s">
        <v>601</v>
      </c>
      <c r="C605" s="10" t="s">
        <v>8</v>
      </c>
      <c r="D605" s="10">
        <v>30</v>
      </c>
      <c r="E605" s="10">
        <v>7</v>
      </c>
      <c r="F605" s="10">
        <v>1</v>
      </c>
      <c r="G605" s="10">
        <v>216</v>
      </c>
    </row>
    <row r="606" spans="2:7" ht="13.5" customHeight="1" x14ac:dyDescent="0.4">
      <c r="B606" s="10" t="s">
        <v>602</v>
      </c>
      <c r="C606" s="10" t="s">
        <v>8</v>
      </c>
      <c r="D606" s="10">
        <v>30</v>
      </c>
      <c r="E606" s="10">
        <v>7</v>
      </c>
      <c r="F606" s="10">
        <v>1</v>
      </c>
      <c r="G606" s="10">
        <v>216</v>
      </c>
    </row>
    <row r="607" spans="2:7" ht="13.5" customHeight="1" x14ac:dyDescent="0.4">
      <c r="B607" s="10" t="s">
        <v>603</v>
      </c>
      <c r="C607" s="10" t="s">
        <v>8</v>
      </c>
      <c r="D607" s="10">
        <v>30</v>
      </c>
      <c r="E607" s="10">
        <v>7</v>
      </c>
      <c r="F607" s="10">
        <v>1</v>
      </c>
      <c r="G607" s="10">
        <v>216</v>
      </c>
    </row>
    <row r="608" spans="2:7" ht="13.5" customHeight="1" x14ac:dyDescent="0.4">
      <c r="B608" s="10" t="s">
        <v>604</v>
      </c>
      <c r="C608" s="10" t="s">
        <v>8</v>
      </c>
      <c r="D608" s="10">
        <v>30</v>
      </c>
      <c r="E608" s="10">
        <v>7</v>
      </c>
      <c r="F608" s="10">
        <v>1</v>
      </c>
      <c r="G608" s="10">
        <v>216</v>
      </c>
    </row>
    <row r="609" spans="2:7" ht="13.5" customHeight="1" x14ac:dyDescent="0.4">
      <c r="B609" s="10" t="s">
        <v>605</v>
      </c>
      <c r="C609" s="10" t="s">
        <v>8</v>
      </c>
      <c r="D609" s="10">
        <v>30</v>
      </c>
      <c r="E609" s="10">
        <v>7</v>
      </c>
      <c r="F609" s="10">
        <v>1</v>
      </c>
      <c r="G609" s="10">
        <v>216</v>
      </c>
    </row>
    <row r="610" spans="2:7" ht="13.5" customHeight="1" x14ac:dyDescent="0.4">
      <c r="B610" s="10" t="s">
        <v>606</v>
      </c>
      <c r="C610" s="10" t="s">
        <v>8</v>
      </c>
      <c r="D610" s="10">
        <v>30</v>
      </c>
      <c r="E610" s="10">
        <v>7</v>
      </c>
      <c r="F610" s="10">
        <v>1</v>
      </c>
      <c r="G610" s="10">
        <v>216</v>
      </c>
    </row>
    <row r="611" spans="2:7" ht="13.5" customHeight="1" x14ac:dyDescent="0.4">
      <c r="B611" s="10" t="s">
        <v>607</v>
      </c>
      <c r="C611" s="10" t="s">
        <v>8</v>
      </c>
      <c r="D611" s="10">
        <v>30</v>
      </c>
      <c r="E611" s="10">
        <v>7</v>
      </c>
      <c r="F611" s="10">
        <v>1</v>
      </c>
      <c r="G611" s="10">
        <v>216</v>
      </c>
    </row>
    <row r="612" spans="2:7" ht="13.5" customHeight="1" x14ac:dyDescent="0.4">
      <c r="B612" s="10" t="s">
        <v>608</v>
      </c>
      <c r="C612" s="10" t="s">
        <v>8</v>
      </c>
      <c r="D612" s="10">
        <v>30</v>
      </c>
      <c r="E612" s="10">
        <v>7</v>
      </c>
      <c r="F612" s="10">
        <v>1</v>
      </c>
      <c r="G612" s="10">
        <v>216</v>
      </c>
    </row>
    <row r="613" spans="2:7" ht="13.5" customHeight="1" x14ac:dyDescent="0.4">
      <c r="B613" s="10" t="s">
        <v>609</v>
      </c>
      <c r="C613" s="10" t="s">
        <v>8</v>
      </c>
      <c r="D613" s="10">
        <v>30</v>
      </c>
      <c r="E613" s="10">
        <v>7</v>
      </c>
      <c r="F613" s="10">
        <v>1</v>
      </c>
      <c r="G613" s="10">
        <v>216</v>
      </c>
    </row>
    <row r="614" spans="2:7" ht="13.5" customHeight="1" x14ac:dyDescent="0.4">
      <c r="B614" s="10" t="s">
        <v>610</v>
      </c>
      <c r="C614" s="10" t="s">
        <v>8</v>
      </c>
      <c r="D614" s="10">
        <v>30</v>
      </c>
      <c r="E614" s="10">
        <v>7</v>
      </c>
      <c r="F614" s="10">
        <v>1</v>
      </c>
      <c r="G614" s="10">
        <v>216</v>
      </c>
    </row>
    <row r="615" spans="2:7" ht="13.5" customHeight="1" x14ac:dyDescent="0.4">
      <c r="B615" s="10" t="s">
        <v>611</v>
      </c>
      <c r="C615" s="10" t="s">
        <v>8</v>
      </c>
      <c r="D615" s="10">
        <v>30</v>
      </c>
      <c r="E615" s="10">
        <v>7</v>
      </c>
      <c r="F615" s="10">
        <v>1</v>
      </c>
      <c r="G615" s="10">
        <v>216</v>
      </c>
    </row>
    <row r="616" spans="2:7" ht="13.5" customHeight="1" x14ac:dyDescent="0.4">
      <c r="B616" s="10" t="s">
        <v>612</v>
      </c>
      <c r="C616" s="10" t="s">
        <v>8</v>
      </c>
      <c r="D616" s="10">
        <v>30</v>
      </c>
      <c r="E616" s="10">
        <v>7</v>
      </c>
      <c r="F616" s="10">
        <v>1</v>
      </c>
      <c r="G616" s="10">
        <v>216</v>
      </c>
    </row>
    <row r="617" spans="2:7" ht="13.5" customHeight="1" x14ac:dyDescent="0.4">
      <c r="B617" s="10" t="s">
        <v>613</v>
      </c>
      <c r="C617" s="10" t="s">
        <v>8</v>
      </c>
      <c r="D617" s="10">
        <v>30</v>
      </c>
      <c r="E617" s="10">
        <v>7</v>
      </c>
      <c r="F617" s="10">
        <v>1</v>
      </c>
      <c r="G617" s="10">
        <v>216</v>
      </c>
    </row>
    <row r="618" spans="2:7" ht="13.5" customHeight="1" x14ac:dyDescent="0.4">
      <c r="B618" s="10" t="s">
        <v>614</v>
      </c>
      <c r="C618" s="10" t="s">
        <v>8</v>
      </c>
      <c r="D618" s="10">
        <v>30</v>
      </c>
      <c r="E618" s="10">
        <v>7</v>
      </c>
      <c r="F618" s="10">
        <v>1</v>
      </c>
      <c r="G618" s="10">
        <v>216</v>
      </c>
    </row>
    <row r="619" spans="2:7" ht="13.5" customHeight="1" x14ac:dyDescent="0.4">
      <c r="B619" s="10" t="s">
        <v>615</v>
      </c>
      <c r="C619" s="10" t="s">
        <v>8</v>
      </c>
      <c r="D619" s="10">
        <v>30</v>
      </c>
      <c r="E619" s="10">
        <v>7</v>
      </c>
      <c r="F619" s="10">
        <v>1</v>
      </c>
      <c r="G619" s="10">
        <v>216</v>
      </c>
    </row>
    <row r="620" spans="2:7" ht="13.5" customHeight="1" x14ac:dyDescent="0.4">
      <c r="B620" s="10" t="s">
        <v>616</v>
      </c>
      <c r="C620" s="10" t="s">
        <v>8</v>
      </c>
      <c r="D620" s="10">
        <v>30</v>
      </c>
      <c r="E620" s="10">
        <v>7</v>
      </c>
      <c r="F620" s="10">
        <v>1</v>
      </c>
      <c r="G620" s="10">
        <v>216</v>
      </c>
    </row>
    <row r="621" spans="2:7" ht="13.5" customHeight="1" x14ac:dyDescent="0.4">
      <c r="B621" s="10" t="s">
        <v>617</v>
      </c>
      <c r="C621" s="10" t="s">
        <v>8</v>
      </c>
      <c r="D621" s="10">
        <v>30</v>
      </c>
      <c r="E621" s="10">
        <v>7</v>
      </c>
      <c r="F621" s="10">
        <v>1</v>
      </c>
      <c r="G621" s="10">
        <v>216</v>
      </c>
    </row>
    <row r="622" spans="2:7" ht="13.5" customHeight="1" x14ac:dyDescent="0.4">
      <c r="B622" s="10" t="s">
        <v>618</v>
      </c>
      <c r="C622" s="10" t="s">
        <v>8</v>
      </c>
      <c r="D622" s="10">
        <v>30</v>
      </c>
      <c r="E622" s="10">
        <v>7</v>
      </c>
      <c r="F622" s="10">
        <v>1</v>
      </c>
      <c r="G622" s="10">
        <v>216</v>
      </c>
    </row>
    <row r="623" spans="2:7" ht="13.5" customHeight="1" x14ac:dyDescent="0.4">
      <c r="B623" s="10" t="s">
        <v>619</v>
      </c>
      <c r="C623" s="10" t="s">
        <v>8</v>
      </c>
      <c r="D623" s="10">
        <v>30</v>
      </c>
      <c r="E623" s="10">
        <v>7</v>
      </c>
      <c r="F623" s="10">
        <v>1</v>
      </c>
      <c r="G623" s="10">
        <v>216</v>
      </c>
    </row>
    <row r="624" spans="2:7" ht="13.5" customHeight="1" x14ac:dyDescent="0.4">
      <c r="B624" s="10" t="s">
        <v>620</v>
      </c>
      <c r="C624" s="10" t="s">
        <v>8</v>
      </c>
      <c r="D624" s="10">
        <v>30</v>
      </c>
      <c r="E624" s="10">
        <v>7</v>
      </c>
      <c r="F624" s="10">
        <v>1</v>
      </c>
      <c r="G624" s="10">
        <v>216</v>
      </c>
    </row>
    <row r="625" spans="2:7" ht="13.5" customHeight="1" x14ac:dyDescent="0.4">
      <c r="B625" s="10" t="s">
        <v>621</v>
      </c>
      <c r="C625" s="10" t="s">
        <v>8</v>
      </c>
      <c r="D625" s="10">
        <v>30</v>
      </c>
      <c r="E625" s="10">
        <v>7</v>
      </c>
      <c r="F625" s="10">
        <v>1</v>
      </c>
      <c r="G625" s="10">
        <v>216</v>
      </c>
    </row>
    <row r="626" spans="2:7" ht="13.5" customHeight="1" x14ac:dyDescent="0.4">
      <c r="B626" s="10" t="s">
        <v>622</v>
      </c>
      <c r="C626" s="10" t="s">
        <v>8</v>
      </c>
      <c r="D626" s="10">
        <v>30</v>
      </c>
      <c r="E626" s="10">
        <v>7</v>
      </c>
      <c r="F626" s="10">
        <v>1</v>
      </c>
      <c r="G626" s="10">
        <v>216</v>
      </c>
    </row>
    <row r="627" spans="2:7" ht="13.5" customHeight="1" x14ac:dyDescent="0.4">
      <c r="B627" s="10" t="s">
        <v>623</v>
      </c>
      <c r="C627" s="10" t="s">
        <v>8</v>
      </c>
      <c r="D627" s="10">
        <v>30</v>
      </c>
      <c r="E627" s="10">
        <v>7</v>
      </c>
      <c r="F627" s="10">
        <v>1</v>
      </c>
      <c r="G627" s="10">
        <v>216</v>
      </c>
    </row>
    <row r="628" spans="2:7" ht="13.5" customHeight="1" x14ac:dyDescent="0.4">
      <c r="B628" s="10" t="s">
        <v>624</v>
      </c>
      <c r="C628" s="10" t="s">
        <v>8</v>
      </c>
      <c r="D628" s="10">
        <v>30</v>
      </c>
      <c r="E628" s="10">
        <v>7</v>
      </c>
      <c r="F628" s="10">
        <v>1</v>
      </c>
      <c r="G628" s="10">
        <v>216</v>
      </c>
    </row>
    <row r="629" spans="2:7" ht="13.5" customHeight="1" x14ac:dyDescent="0.4">
      <c r="B629" s="10" t="s">
        <v>625</v>
      </c>
      <c r="C629" s="10" t="s">
        <v>8</v>
      </c>
      <c r="D629" s="10">
        <v>30</v>
      </c>
      <c r="E629" s="10">
        <v>7</v>
      </c>
      <c r="F629" s="10">
        <v>1</v>
      </c>
      <c r="G629" s="10">
        <v>216</v>
      </c>
    </row>
    <row r="630" spans="2:7" ht="13.5" customHeight="1" x14ac:dyDescent="0.4">
      <c r="B630" s="10" t="s">
        <v>626</v>
      </c>
      <c r="C630" s="10" t="s">
        <v>8</v>
      </c>
      <c r="D630" s="10">
        <v>30</v>
      </c>
      <c r="E630" s="10">
        <v>7</v>
      </c>
      <c r="F630" s="10">
        <v>1</v>
      </c>
      <c r="G630" s="10">
        <v>216</v>
      </c>
    </row>
    <row r="631" spans="2:7" ht="13.5" customHeight="1" x14ac:dyDescent="0.4">
      <c r="B631" s="10" t="s">
        <v>627</v>
      </c>
      <c r="C631" s="10" t="s">
        <v>8</v>
      </c>
      <c r="D631" s="10">
        <v>30</v>
      </c>
      <c r="E631" s="10">
        <v>7</v>
      </c>
      <c r="F631" s="10">
        <v>1</v>
      </c>
      <c r="G631" s="10">
        <v>216</v>
      </c>
    </row>
    <row r="632" spans="2:7" ht="13.5" customHeight="1" x14ac:dyDescent="0.4">
      <c r="B632" s="10" t="s">
        <v>628</v>
      </c>
      <c r="C632" s="10" t="s">
        <v>8</v>
      </c>
      <c r="D632" s="10">
        <v>30</v>
      </c>
      <c r="E632" s="10">
        <v>7</v>
      </c>
      <c r="F632" s="10">
        <v>1</v>
      </c>
      <c r="G632" s="10">
        <v>216</v>
      </c>
    </row>
    <row r="633" spans="2:7" ht="13.5" customHeight="1" x14ac:dyDescent="0.4">
      <c r="B633" s="10" t="s">
        <v>629</v>
      </c>
      <c r="C633" s="10" t="s">
        <v>8</v>
      </c>
      <c r="D633" s="10">
        <v>30</v>
      </c>
      <c r="E633" s="10">
        <v>7</v>
      </c>
      <c r="F633" s="10">
        <v>1</v>
      </c>
      <c r="G633" s="10">
        <v>216</v>
      </c>
    </row>
    <row r="634" spans="2:7" ht="13.5" customHeight="1" x14ac:dyDescent="0.4">
      <c r="B634" s="10" t="s">
        <v>630</v>
      </c>
      <c r="C634" s="10" t="s">
        <v>8</v>
      </c>
      <c r="D634" s="10">
        <v>30</v>
      </c>
      <c r="E634" s="10">
        <v>7</v>
      </c>
      <c r="F634" s="10">
        <v>1</v>
      </c>
      <c r="G634" s="10">
        <v>216</v>
      </c>
    </row>
    <row r="635" spans="2:7" ht="13.5" customHeight="1" x14ac:dyDescent="0.4">
      <c r="B635" s="10" t="s">
        <v>631</v>
      </c>
      <c r="C635" s="10" t="s">
        <v>8</v>
      </c>
      <c r="D635" s="10">
        <v>30</v>
      </c>
      <c r="E635" s="10">
        <v>7</v>
      </c>
      <c r="F635" s="10">
        <v>1</v>
      </c>
      <c r="G635" s="10">
        <v>216</v>
      </c>
    </row>
    <row r="636" spans="2:7" ht="13.5" customHeight="1" x14ac:dyDescent="0.4">
      <c r="B636" s="10" t="s">
        <v>632</v>
      </c>
      <c r="C636" s="10" t="s">
        <v>8</v>
      </c>
      <c r="D636" s="10">
        <v>30</v>
      </c>
      <c r="E636" s="10">
        <v>7</v>
      </c>
      <c r="F636" s="10">
        <v>1</v>
      </c>
      <c r="G636" s="10">
        <v>216</v>
      </c>
    </row>
    <row r="637" spans="2:7" ht="13.5" customHeight="1" x14ac:dyDescent="0.4">
      <c r="B637" s="10" t="s">
        <v>633</v>
      </c>
      <c r="C637" s="10" t="s">
        <v>8</v>
      </c>
      <c r="D637" s="10">
        <v>30</v>
      </c>
      <c r="E637" s="10">
        <v>7</v>
      </c>
      <c r="F637" s="10">
        <v>1</v>
      </c>
      <c r="G637" s="10">
        <v>216</v>
      </c>
    </row>
    <row r="638" spans="2:7" ht="13.5" customHeight="1" x14ac:dyDescent="0.4">
      <c r="B638" s="10" t="s">
        <v>634</v>
      </c>
      <c r="C638" s="10" t="s">
        <v>8</v>
      </c>
      <c r="D638" s="10">
        <v>30</v>
      </c>
      <c r="E638" s="10">
        <v>7</v>
      </c>
      <c r="F638" s="10">
        <v>1</v>
      </c>
      <c r="G638" s="10">
        <v>216</v>
      </c>
    </row>
    <row r="639" spans="2:7" ht="13.5" customHeight="1" x14ac:dyDescent="0.4">
      <c r="B639" s="10" t="s">
        <v>635</v>
      </c>
      <c r="C639" s="10" t="s">
        <v>8</v>
      </c>
      <c r="D639" s="10">
        <v>30</v>
      </c>
      <c r="E639" s="10">
        <v>7</v>
      </c>
      <c r="F639" s="10">
        <v>1</v>
      </c>
      <c r="G639" s="10">
        <v>216</v>
      </c>
    </row>
    <row r="640" spans="2:7" ht="13.5" customHeight="1" x14ac:dyDescent="0.4">
      <c r="B640" s="10" t="s">
        <v>636</v>
      </c>
      <c r="C640" s="10" t="s">
        <v>8</v>
      </c>
      <c r="D640" s="10">
        <v>30</v>
      </c>
      <c r="E640" s="10">
        <v>7</v>
      </c>
      <c r="F640" s="10">
        <v>1</v>
      </c>
      <c r="G640" s="10">
        <v>216</v>
      </c>
    </row>
    <row r="641" spans="2:7" ht="13.5" customHeight="1" x14ac:dyDescent="0.4">
      <c r="B641" s="10" t="s">
        <v>637</v>
      </c>
      <c r="C641" s="10" t="s">
        <v>8</v>
      </c>
      <c r="D641" s="10">
        <v>30</v>
      </c>
      <c r="E641" s="10">
        <v>7</v>
      </c>
      <c r="F641" s="10">
        <v>1</v>
      </c>
      <c r="G641" s="10">
        <v>216</v>
      </c>
    </row>
    <row r="642" spans="2:7" ht="13.5" customHeight="1" x14ac:dyDescent="0.4">
      <c r="B642" s="10" t="s">
        <v>638</v>
      </c>
      <c r="C642" s="10" t="s">
        <v>8</v>
      </c>
      <c r="D642" s="10">
        <v>30</v>
      </c>
      <c r="E642" s="10">
        <v>7</v>
      </c>
      <c r="F642" s="10">
        <v>1</v>
      </c>
      <c r="G642" s="10">
        <v>216</v>
      </c>
    </row>
    <row r="643" spans="2:7" ht="13.5" customHeight="1" x14ac:dyDescent="0.4">
      <c r="B643" s="10" t="s">
        <v>639</v>
      </c>
      <c r="C643" s="10" t="s">
        <v>8</v>
      </c>
      <c r="D643" s="10">
        <v>30</v>
      </c>
      <c r="E643" s="10">
        <v>7</v>
      </c>
      <c r="F643" s="10">
        <v>1</v>
      </c>
      <c r="G643" s="10">
        <v>216</v>
      </c>
    </row>
    <row r="644" spans="2:7" ht="13.5" customHeight="1" x14ac:dyDescent="0.4">
      <c r="B644" s="10" t="s">
        <v>640</v>
      </c>
      <c r="C644" s="10" t="s">
        <v>8</v>
      </c>
      <c r="D644" s="10">
        <v>30</v>
      </c>
      <c r="E644" s="10">
        <v>7</v>
      </c>
      <c r="F644" s="10">
        <v>1</v>
      </c>
      <c r="G644" s="10">
        <v>216</v>
      </c>
    </row>
    <row r="645" spans="2:7" ht="13.5" customHeight="1" x14ac:dyDescent="0.4">
      <c r="B645" s="10" t="s">
        <v>641</v>
      </c>
      <c r="C645" s="10" t="s">
        <v>8</v>
      </c>
      <c r="D645" s="10">
        <v>30</v>
      </c>
      <c r="E645" s="10">
        <v>7</v>
      </c>
      <c r="F645" s="10">
        <v>1</v>
      </c>
      <c r="G645" s="10">
        <v>216</v>
      </c>
    </row>
    <row r="646" spans="2:7" ht="13.5" customHeight="1" x14ac:dyDescent="0.4">
      <c r="B646" s="10" t="s">
        <v>642</v>
      </c>
      <c r="C646" s="10" t="s">
        <v>8</v>
      </c>
      <c r="D646" s="10">
        <v>30</v>
      </c>
      <c r="E646" s="10">
        <v>7</v>
      </c>
      <c r="F646" s="10">
        <v>1</v>
      </c>
      <c r="G646" s="10">
        <v>216</v>
      </c>
    </row>
    <row r="647" spans="2:7" ht="13.5" customHeight="1" x14ac:dyDescent="0.4">
      <c r="B647" s="10" t="s">
        <v>643</v>
      </c>
      <c r="C647" s="10" t="s">
        <v>8</v>
      </c>
      <c r="D647" s="10">
        <v>30</v>
      </c>
      <c r="E647" s="10">
        <v>7</v>
      </c>
      <c r="F647" s="10">
        <v>1</v>
      </c>
      <c r="G647" s="10">
        <v>216</v>
      </c>
    </row>
    <row r="648" spans="2:7" ht="13.5" customHeight="1" x14ac:dyDescent="0.4">
      <c r="B648" s="10" t="s">
        <v>644</v>
      </c>
      <c r="C648" s="10" t="s">
        <v>8</v>
      </c>
      <c r="D648" s="10">
        <v>30</v>
      </c>
      <c r="E648" s="10">
        <v>7</v>
      </c>
      <c r="F648" s="10">
        <v>1</v>
      </c>
      <c r="G648" s="10">
        <v>216</v>
      </c>
    </row>
    <row r="649" spans="2:7" ht="13.5" customHeight="1" x14ac:dyDescent="0.4">
      <c r="B649" s="10" t="s">
        <v>645</v>
      </c>
      <c r="C649" s="10" t="s">
        <v>8</v>
      </c>
      <c r="D649" s="10">
        <v>30</v>
      </c>
      <c r="E649" s="10">
        <v>7</v>
      </c>
      <c r="F649" s="10">
        <v>1</v>
      </c>
      <c r="G649" s="10">
        <v>216</v>
      </c>
    </row>
    <row r="650" spans="2:7" ht="13.5" customHeight="1" x14ac:dyDescent="0.4">
      <c r="B650" s="10" t="s">
        <v>646</v>
      </c>
      <c r="C650" s="10" t="s">
        <v>8</v>
      </c>
      <c r="D650" s="10">
        <v>30</v>
      </c>
      <c r="E650" s="10">
        <v>7</v>
      </c>
      <c r="F650" s="10">
        <v>1</v>
      </c>
      <c r="G650" s="10">
        <v>216</v>
      </c>
    </row>
    <row r="651" spans="2:7" ht="13.5" customHeight="1" x14ac:dyDescent="0.4">
      <c r="B651" s="10" t="s">
        <v>647</v>
      </c>
      <c r="C651" s="10" t="s">
        <v>8</v>
      </c>
      <c r="D651" s="10">
        <v>30</v>
      </c>
      <c r="E651" s="10">
        <v>7</v>
      </c>
      <c r="F651" s="10">
        <v>1</v>
      </c>
      <c r="G651" s="10">
        <v>216</v>
      </c>
    </row>
    <row r="652" spans="2:7" ht="13.5" customHeight="1" x14ac:dyDescent="0.4">
      <c r="B652" s="10" t="s">
        <v>648</v>
      </c>
      <c r="C652" s="10" t="s">
        <v>8</v>
      </c>
      <c r="D652" s="10">
        <v>30</v>
      </c>
      <c r="E652" s="10">
        <v>7</v>
      </c>
      <c r="F652" s="10">
        <v>1</v>
      </c>
      <c r="G652" s="10">
        <v>216</v>
      </c>
    </row>
    <row r="653" spans="2:7" ht="13.5" customHeight="1" x14ac:dyDescent="0.4">
      <c r="B653" s="10" t="s">
        <v>649</v>
      </c>
      <c r="C653" s="10" t="s">
        <v>8</v>
      </c>
      <c r="D653" s="10">
        <v>30</v>
      </c>
      <c r="E653" s="10">
        <v>7</v>
      </c>
      <c r="F653" s="10">
        <v>1</v>
      </c>
      <c r="G653" s="10">
        <v>216</v>
      </c>
    </row>
    <row r="654" spans="2:7" ht="13.5" customHeight="1" x14ac:dyDescent="0.4">
      <c r="B654" s="10" t="s">
        <v>650</v>
      </c>
      <c r="C654" s="10" t="s">
        <v>8</v>
      </c>
      <c r="D654" s="10">
        <v>30</v>
      </c>
      <c r="E654" s="10">
        <v>7</v>
      </c>
      <c r="F654" s="10">
        <v>1</v>
      </c>
      <c r="G654" s="10">
        <v>216</v>
      </c>
    </row>
    <row r="655" spans="2:7" ht="13.5" customHeight="1" x14ac:dyDescent="0.4">
      <c r="B655" s="10" t="s">
        <v>651</v>
      </c>
      <c r="C655" s="10" t="s">
        <v>8</v>
      </c>
      <c r="D655" s="10">
        <v>30</v>
      </c>
      <c r="E655" s="10">
        <v>7</v>
      </c>
      <c r="F655" s="10">
        <v>1</v>
      </c>
      <c r="G655" s="10">
        <v>216</v>
      </c>
    </row>
    <row r="656" spans="2:7" ht="13.5" customHeight="1" x14ac:dyDescent="0.4">
      <c r="B656" s="10" t="s">
        <v>652</v>
      </c>
      <c r="C656" s="10" t="s">
        <v>8</v>
      </c>
      <c r="D656" s="10">
        <v>30</v>
      </c>
      <c r="E656" s="10">
        <v>7</v>
      </c>
      <c r="F656" s="10">
        <v>1</v>
      </c>
      <c r="G656" s="10">
        <v>216</v>
      </c>
    </row>
    <row r="657" spans="2:7" ht="13.5" customHeight="1" x14ac:dyDescent="0.4">
      <c r="B657" s="10" t="s">
        <v>653</v>
      </c>
      <c r="C657" s="10" t="s">
        <v>8</v>
      </c>
      <c r="D657" s="10">
        <v>30</v>
      </c>
      <c r="E657" s="10">
        <v>7</v>
      </c>
      <c r="F657" s="10">
        <v>1</v>
      </c>
      <c r="G657" s="10">
        <v>216</v>
      </c>
    </row>
    <row r="658" spans="2:7" ht="13.5" customHeight="1" x14ac:dyDescent="0.4">
      <c r="B658" s="10" t="s">
        <v>654</v>
      </c>
      <c r="C658" s="10" t="s">
        <v>8</v>
      </c>
      <c r="D658" s="10">
        <v>30</v>
      </c>
      <c r="E658" s="10">
        <v>7</v>
      </c>
      <c r="F658" s="10">
        <v>1</v>
      </c>
      <c r="G658" s="10">
        <v>216</v>
      </c>
    </row>
    <row r="659" spans="2:7" ht="13.5" customHeight="1" x14ac:dyDescent="0.4">
      <c r="B659" s="10" t="s">
        <v>655</v>
      </c>
      <c r="C659" s="10" t="s">
        <v>8</v>
      </c>
      <c r="D659" s="10">
        <v>30</v>
      </c>
      <c r="E659" s="10">
        <v>7</v>
      </c>
      <c r="F659" s="10">
        <v>1</v>
      </c>
      <c r="G659" s="10">
        <v>216</v>
      </c>
    </row>
    <row r="660" spans="2:7" ht="13.5" customHeight="1" x14ac:dyDescent="0.4">
      <c r="B660" s="10" t="s">
        <v>656</v>
      </c>
      <c r="C660" s="10" t="s">
        <v>8</v>
      </c>
      <c r="D660" s="10">
        <v>30</v>
      </c>
      <c r="E660" s="10">
        <v>7</v>
      </c>
      <c r="F660" s="10">
        <v>1</v>
      </c>
      <c r="G660" s="10">
        <v>216</v>
      </c>
    </row>
    <row r="661" spans="2:7" ht="13.5" customHeight="1" x14ac:dyDescent="0.4">
      <c r="B661" s="10" t="s">
        <v>657</v>
      </c>
      <c r="C661" s="10" t="s">
        <v>8</v>
      </c>
      <c r="D661" s="10">
        <v>30</v>
      </c>
      <c r="E661" s="10">
        <v>7</v>
      </c>
      <c r="F661" s="10">
        <v>1</v>
      </c>
      <c r="G661" s="10">
        <v>216</v>
      </c>
    </row>
    <row r="662" spans="2:7" ht="13.5" customHeight="1" x14ac:dyDescent="0.4">
      <c r="B662" s="10" t="s">
        <v>658</v>
      </c>
      <c r="C662" s="10" t="s">
        <v>8</v>
      </c>
      <c r="D662" s="10">
        <v>30</v>
      </c>
      <c r="E662" s="10">
        <v>7</v>
      </c>
      <c r="F662" s="10">
        <v>1</v>
      </c>
      <c r="G662" s="10">
        <v>216</v>
      </c>
    </row>
    <row r="663" spans="2:7" ht="13.5" customHeight="1" x14ac:dyDescent="0.4">
      <c r="B663" s="10" t="s">
        <v>659</v>
      </c>
      <c r="C663" s="10" t="s">
        <v>8</v>
      </c>
      <c r="D663" s="10">
        <v>30</v>
      </c>
      <c r="E663" s="10">
        <v>7</v>
      </c>
      <c r="F663" s="10">
        <v>1</v>
      </c>
      <c r="G663" s="10">
        <v>216</v>
      </c>
    </row>
    <row r="664" spans="2:7" ht="13.5" customHeight="1" x14ac:dyDescent="0.4">
      <c r="B664" s="10" t="s">
        <v>660</v>
      </c>
      <c r="C664" s="10" t="s">
        <v>8</v>
      </c>
      <c r="D664" s="10">
        <v>30</v>
      </c>
      <c r="E664" s="10">
        <v>7</v>
      </c>
      <c r="F664" s="10">
        <v>1</v>
      </c>
      <c r="G664" s="10">
        <v>216</v>
      </c>
    </row>
    <row r="665" spans="2:7" ht="13.5" customHeight="1" x14ac:dyDescent="0.4">
      <c r="B665" s="10" t="s">
        <v>661</v>
      </c>
      <c r="C665" s="10" t="s">
        <v>8</v>
      </c>
      <c r="D665" s="10">
        <v>30</v>
      </c>
      <c r="E665" s="10">
        <v>7</v>
      </c>
      <c r="F665" s="10">
        <v>1</v>
      </c>
      <c r="G665" s="10">
        <v>216</v>
      </c>
    </row>
    <row r="666" spans="2:7" ht="13.5" customHeight="1" x14ac:dyDescent="0.4">
      <c r="B666" s="10" t="s">
        <v>662</v>
      </c>
      <c r="C666" s="10" t="s">
        <v>8</v>
      </c>
      <c r="D666" s="10">
        <v>30</v>
      </c>
      <c r="E666" s="10">
        <v>7</v>
      </c>
      <c r="F666" s="10">
        <v>1</v>
      </c>
      <c r="G666" s="10">
        <v>216</v>
      </c>
    </row>
    <row r="667" spans="2:7" ht="13.5" customHeight="1" x14ac:dyDescent="0.4">
      <c r="B667" s="10" t="s">
        <v>663</v>
      </c>
      <c r="C667" s="10" t="s">
        <v>8</v>
      </c>
      <c r="D667" s="10">
        <v>30</v>
      </c>
      <c r="E667" s="10">
        <v>7</v>
      </c>
      <c r="F667" s="10">
        <v>1</v>
      </c>
      <c r="G667" s="10">
        <v>216</v>
      </c>
    </row>
    <row r="668" spans="2:7" ht="13.5" customHeight="1" x14ac:dyDescent="0.4">
      <c r="B668" s="10" t="s">
        <v>664</v>
      </c>
      <c r="C668" s="10" t="s">
        <v>8</v>
      </c>
      <c r="D668" s="10">
        <v>30</v>
      </c>
      <c r="E668" s="10">
        <v>7</v>
      </c>
      <c r="F668" s="10">
        <v>1</v>
      </c>
      <c r="G668" s="10">
        <v>216</v>
      </c>
    </row>
    <row r="669" spans="2:7" ht="13.5" customHeight="1" x14ac:dyDescent="0.4">
      <c r="B669" s="10" t="s">
        <v>665</v>
      </c>
      <c r="C669" s="10" t="s">
        <v>8</v>
      </c>
      <c r="D669" s="10">
        <v>30</v>
      </c>
      <c r="E669" s="10">
        <v>7</v>
      </c>
      <c r="F669" s="10">
        <v>1</v>
      </c>
      <c r="G669" s="10">
        <v>216</v>
      </c>
    </row>
    <row r="670" spans="2:7" ht="13.5" customHeight="1" x14ac:dyDescent="0.4">
      <c r="B670" s="10" t="s">
        <v>666</v>
      </c>
      <c r="C670" s="10" t="s">
        <v>8</v>
      </c>
      <c r="D670" s="10">
        <v>30</v>
      </c>
      <c r="E670" s="10">
        <v>7</v>
      </c>
      <c r="F670" s="10">
        <v>1</v>
      </c>
      <c r="G670" s="10">
        <v>216</v>
      </c>
    </row>
    <row r="671" spans="2:7" ht="13.5" customHeight="1" x14ac:dyDescent="0.4">
      <c r="B671" s="10" t="s">
        <v>667</v>
      </c>
      <c r="C671" s="10" t="s">
        <v>8</v>
      </c>
      <c r="D671" s="10">
        <v>30</v>
      </c>
      <c r="E671" s="10">
        <v>7</v>
      </c>
      <c r="F671" s="10">
        <v>1</v>
      </c>
      <c r="G671" s="10">
        <v>216</v>
      </c>
    </row>
    <row r="672" spans="2:7" ht="13.5" customHeight="1" x14ac:dyDescent="0.4">
      <c r="B672" s="10" t="s">
        <v>668</v>
      </c>
      <c r="C672" s="10" t="s">
        <v>8</v>
      </c>
      <c r="D672" s="10">
        <v>30</v>
      </c>
      <c r="E672" s="10">
        <v>7</v>
      </c>
      <c r="F672" s="10">
        <v>1</v>
      </c>
      <c r="G672" s="10">
        <v>216</v>
      </c>
    </row>
    <row r="673" spans="2:7" ht="13.5" customHeight="1" x14ac:dyDescent="0.4">
      <c r="B673" s="10" t="s">
        <v>669</v>
      </c>
      <c r="C673" s="10" t="s">
        <v>8</v>
      </c>
      <c r="D673" s="10">
        <v>30</v>
      </c>
      <c r="E673" s="10">
        <v>7</v>
      </c>
      <c r="F673" s="10">
        <v>1</v>
      </c>
      <c r="G673" s="10">
        <v>216</v>
      </c>
    </row>
    <row r="674" spans="2:7" ht="13.5" customHeight="1" x14ac:dyDescent="0.4">
      <c r="B674" s="10" t="s">
        <v>670</v>
      </c>
      <c r="C674" s="10" t="s">
        <v>8</v>
      </c>
      <c r="D674" s="10">
        <v>30</v>
      </c>
      <c r="E674" s="10">
        <v>7</v>
      </c>
      <c r="F674" s="10">
        <v>1</v>
      </c>
      <c r="G674" s="10">
        <v>216</v>
      </c>
    </row>
    <row r="675" spans="2:7" ht="13.5" customHeight="1" x14ac:dyDescent="0.4">
      <c r="B675" s="10" t="s">
        <v>671</v>
      </c>
      <c r="C675" s="10" t="s">
        <v>8</v>
      </c>
      <c r="D675" s="10">
        <v>30</v>
      </c>
      <c r="E675" s="10">
        <v>7</v>
      </c>
      <c r="F675" s="10">
        <v>1</v>
      </c>
      <c r="G675" s="10">
        <v>216</v>
      </c>
    </row>
    <row r="676" spans="2:7" ht="13.5" customHeight="1" x14ac:dyDescent="0.4">
      <c r="B676" s="10" t="s">
        <v>672</v>
      </c>
      <c r="C676" s="10" t="s">
        <v>8</v>
      </c>
      <c r="D676" s="10">
        <v>30</v>
      </c>
      <c r="E676" s="10">
        <v>7</v>
      </c>
      <c r="F676" s="10">
        <v>1</v>
      </c>
      <c r="G676" s="10">
        <v>216</v>
      </c>
    </row>
    <row r="677" spans="2:7" ht="13.5" customHeight="1" x14ac:dyDescent="0.4">
      <c r="B677" s="10" t="s">
        <v>673</v>
      </c>
      <c r="C677" s="10" t="s">
        <v>8</v>
      </c>
      <c r="D677" s="10">
        <v>30</v>
      </c>
      <c r="E677" s="10">
        <v>7</v>
      </c>
      <c r="F677" s="10">
        <v>1</v>
      </c>
      <c r="G677" s="10">
        <v>216</v>
      </c>
    </row>
    <row r="678" spans="2:7" ht="13.5" customHeight="1" x14ac:dyDescent="0.4">
      <c r="B678" s="10" t="s">
        <v>674</v>
      </c>
      <c r="C678" s="10" t="s">
        <v>8</v>
      </c>
      <c r="D678" s="10">
        <v>30</v>
      </c>
      <c r="E678" s="10">
        <v>7</v>
      </c>
      <c r="F678" s="10">
        <v>1</v>
      </c>
      <c r="G678" s="10">
        <v>216</v>
      </c>
    </row>
    <row r="679" spans="2:7" ht="13.5" customHeight="1" x14ac:dyDescent="0.4">
      <c r="B679" s="10" t="s">
        <v>675</v>
      </c>
      <c r="C679" s="10" t="s">
        <v>8</v>
      </c>
      <c r="D679" s="10">
        <v>30</v>
      </c>
      <c r="E679" s="10">
        <v>7</v>
      </c>
      <c r="F679" s="10">
        <v>1</v>
      </c>
      <c r="G679" s="10">
        <v>216</v>
      </c>
    </row>
    <row r="680" spans="2:7" ht="13.5" customHeight="1" x14ac:dyDescent="0.4">
      <c r="B680" s="10" t="s">
        <v>676</v>
      </c>
      <c r="C680" s="10" t="s">
        <v>8</v>
      </c>
      <c r="D680" s="10">
        <v>30</v>
      </c>
      <c r="E680" s="10">
        <v>7</v>
      </c>
      <c r="F680" s="10">
        <v>1</v>
      </c>
      <c r="G680" s="10">
        <v>216</v>
      </c>
    </row>
    <row r="681" spans="2:7" ht="13.5" customHeight="1" x14ac:dyDescent="0.4">
      <c r="B681" s="10" t="s">
        <v>677</v>
      </c>
      <c r="C681" s="10" t="s">
        <v>8</v>
      </c>
      <c r="D681" s="10">
        <v>30</v>
      </c>
      <c r="E681" s="10">
        <v>7</v>
      </c>
      <c r="F681" s="10">
        <v>1</v>
      </c>
      <c r="G681" s="10">
        <v>216</v>
      </c>
    </row>
    <row r="682" spans="2:7" ht="13.5" customHeight="1" x14ac:dyDescent="0.4">
      <c r="B682" s="10" t="s">
        <v>678</v>
      </c>
      <c r="C682" s="10" t="s">
        <v>8</v>
      </c>
      <c r="D682" s="10">
        <v>30</v>
      </c>
      <c r="E682" s="10">
        <v>7</v>
      </c>
      <c r="F682" s="10">
        <v>1</v>
      </c>
      <c r="G682" s="10">
        <v>216</v>
      </c>
    </row>
    <row r="683" spans="2:7" ht="13.5" customHeight="1" x14ac:dyDescent="0.4">
      <c r="B683" s="10" t="s">
        <v>679</v>
      </c>
      <c r="C683" s="10" t="s">
        <v>8</v>
      </c>
      <c r="D683" s="10">
        <v>30</v>
      </c>
      <c r="E683" s="10">
        <v>7</v>
      </c>
      <c r="F683" s="10">
        <v>1</v>
      </c>
      <c r="G683" s="10">
        <v>216</v>
      </c>
    </row>
    <row r="684" spans="2:7" ht="13.5" customHeight="1" x14ac:dyDescent="0.4">
      <c r="B684" s="10" t="s">
        <v>680</v>
      </c>
      <c r="C684" s="10" t="s">
        <v>8</v>
      </c>
      <c r="D684" s="10">
        <v>30</v>
      </c>
      <c r="E684" s="10">
        <v>7</v>
      </c>
      <c r="F684" s="10">
        <v>1</v>
      </c>
      <c r="G684" s="10">
        <v>216</v>
      </c>
    </row>
    <row r="685" spans="2:7" ht="13.5" customHeight="1" x14ac:dyDescent="0.4">
      <c r="B685" s="10" t="s">
        <v>681</v>
      </c>
      <c r="C685" s="10" t="s">
        <v>8</v>
      </c>
      <c r="D685" s="10">
        <v>30</v>
      </c>
      <c r="E685" s="10">
        <v>7</v>
      </c>
      <c r="F685" s="10">
        <v>1</v>
      </c>
      <c r="G685" s="10">
        <v>216</v>
      </c>
    </row>
    <row r="686" spans="2:7" ht="13.5" customHeight="1" x14ac:dyDescent="0.4">
      <c r="B686" s="10" t="s">
        <v>682</v>
      </c>
      <c r="C686" s="10" t="s">
        <v>8</v>
      </c>
      <c r="D686" s="10">
        <v>30</v>
      </c>
      <c r="E686" s="10">
        <v>7</v>
      </c>
      <c r="F686" s="10">
        <v>1</v>
      </c>
      <c r="G686" s="10">
        <v>216</v>
      </c>
    </row>
    <row r="687" spans="2:7" ht="13.5" customHeight="1" x14ac:dyDescent="0.4">
      <c r="B687" s="10" t="s">
        <v>683</v>
      </c>
      <c r="C687" s="10" t="s">
        <v>8</v>
      </c>
      <c r="D687" s="10">
        <v>30</v>
      </c>
      <c r="E687" s="10">
        <v>7</v>
      </c>
      <c r="F687" s="10">
        <v>1</v>
      </c>
      <c r="G687" s="10">
        <v>216</v>
      </c>
    </row>
    <row r="688" spans="2:7" ht="13.5" customHeight="1" x14ac:dyDescent="0.4">
      <c r="B688" s="10" t="s">
        <v>684</v>
      </c>
      <c r="C688" s="10" t="s">
        <v>8</v>
      </c>
      <c r="D688" s="10">
        <v>30</v>
      </c>
      <c r="E688" s="10">
        <v>7</v>
      </c>
      <c r="F688" s="10">
        <v>1</v>
      </c>
      <c r="G688" s="10">
        <v>216</v>
      </c>
    </row>
    <row r="689" spans="2:7" ht="13.5" customHeight="1" x14ac:dyDescent="0.4">
      <c r="B689" s="10" t="s">
        <v>685</v>
      </c>
      <c r="C689" s="10" t="s">
        <v>8</v>
      </c>
      <c r="D689" s="10">
        <v>30</v>
      </c>
      <c r="E689" s="10">
        <v>7</v>
      </c>
      <c r="F689" s="10">
        <v>1</v>
      </c>
      <c r="G689" s="10">
        <v>216</v>
      </c>
    </row>
    <row r="690" spans="2:7" ht="13.5" customHeight="1" x14ac:dyDescent="0.4">
      <c r="B690" s="10" t="s">
        <v>686</v>
      </c>
      <c r="C690" s="10" t="s">
        <v>8</v>
      </c>
      <c r="D690" s="10">
        <v>30</v>
      </c>
      <c r="E690" s="10">
        <v>7</v>
      </c>
      <c r="F690" s="10">
        <v>1</v>
      </c>
      <c r="G690" s="10">
        <v>216</v>
      </c>
    </row>
    <row r="691" spans="2:7" ht="13.5" customHeight="1" x14ac:dyDescent="0.4">
      <c r="B691" s="10" t="s">
        <v>687</v>
      </c>
      <c r="C691" s="10" t="s">
        <v>8</v>
      </c>
      <c r="D691" s="10">
        <v>30</v>
      </c>
      <c r="E691" s="10">
        <v>7</v>
      </c>
      <c r="F691" s="10">
        <v>1</v>
      </c>
      <c r="G691" s="10">
        <v>216</v>
      </c>
    </row>
    <row r="692" spans="2:7" ht="13.5" customHeight="1" x14ac:dyDescent="0.4">
      <c r="B692" s="10" t="s">
        <v>688</v>
      </c>
      <c r="C692" s="10" t="s">
        <v>8</v>
      </c>
      <c r="D692" s="10">
        <v>30</v>
      </c>
      <c r="E692" s="10">
        <v>7</v>
      </c>
      <c r="F692" s="10">
        <v>1</v>
      </c>
      <c r="G692" s="10">
        <v>216</v>
      </c>
    </row>
    <row r="693" spans="2:7" ht="13.5" customHeight="1" x14ac:dyDescent="0.4">
      <c r="B693" s="10" t="s">
        <v>689</v>
      </c>
      <c r="C693" s="10" t="s">
        <v>8</v>
      </c>
      <c r="D693" s="10">
        <v>30</v>
      </c>
      <c r="E693" s="10">
        <v>7</v>
      </c>
      <c r="F693" s="10">
        <v>1</v>
      </c>
      <c r="G693" s="10">
        <v>216</v>
      </c>
    </row>
    <row r="694" spans="2:7" ht="13.5" customHeight="1" x14ac:dyDescent="0.4">
      <c r="B694" s="10" t="s">
        <v>690</v>
      </c>
      <c r="C694" s="10" t="s">
        <v>8</v>
      </c>
      <c r="D694" s="10">
        <v>30</v>
      </c>
      <c r="E694" s="10">
        <v>7</v>
      </c>
      <c r="F694" s="10">
        <v>1</v>
      </c>
      <c r="G694" s="10">
        <v>216</v>
      </c>
    </row>
    <row r="695" spans="2:7" ht="13.5" customHeight="1" x14ac:dyDescent="0.4">
      <c r="B695" s="10" t="s">
        <v>691</v>
      </c>
      <c r="C695" s="10" t="s">
        <v>8</v>
      </c>
      <c r="D695" s="10">
        <v>30</v>
      </c>
      <c r="E695" s="10">
        <v>7</v>
      </c>
      <c r="F695" s="10">
        <v>1</v>
      </c>
      <c r="G695" s="10">
        <v>216</v>
      </c>
    </row>
    <row r="696" spans="2:7" ht="13.5" customHeight="1" x14ac:dyDescent="0.4">
      <c r="B696" s="10" t="s">
        <v>692</v>
      </c>
      <c r="C696" s="10" t="s">
        <v>8</v>
      </c>
      <c r="D696" s="10">
        <v>30</v>
      </c>
      <c r="E696" s="10">
        <v>7</v>
      </c>
      <c r="F696" s="10">
        <v>1</v>
      </c>
      <c r="G696" s="10">
        <v>216</v>
      </c>
    </row>
    <row r="697" spans="2:7" ht="13.5" customHeight="1" x14ac:dyDescent="0.4">
      <c r="B697" s="10" t="s">
        <v>693</v>
      </c>
      <c r="C697" s="10" t="s">
        <v>8</v>
      </c>
      <c r="D697" s="10">
        <v>30</v>
      </c>
      <c r="E697" s="10">
        <v>7</v>
      </c>
      <c r="F697" s="10">
        <v>1</v>
      </c>
      <c r="G697" s="10">
        <v>216</v>
      </c>
    </row>
    <row r="698" spans="2:7" ht="13.5" customHeight="1" x14ac:dyDescent="0.4">
      <c r="B698" s="10" t="s">
        <v>694</v>
      </c>
      <c r="C698" s="10" t="s">
        <v>8</v>
      </c>
      <c r="D698" s="10">
        <v>30</v>
      </c>
      <c r="E698" s="10">
        <v>7</v>
      </c>
      <c r="F698" s="10">
        <v>1</v>
      </c>
      <c r="G698" s="10">
        <v>216</v>
      </c>
    </row>
    <row r="699" spans="2:7" ht="13.5" customHeight="1" x14ac:dyDescent="0.4">
      <c r="B699" s="10" t="s">
        <v>695</v>
      </c>
      <c r="C699" s="10" t="s">
        <v>8</v>
      </c>
      <c r="D699" s="10">
        <v>30</v>
      </c>
      <c r="E699" s="10">
        <v>7</v>
      </c>
      <c r="F699" s="10">
        <v>1</v>
      </c>
      <c r="G699" s="10">
        <v>216</v>
      </c>
    </row>
    <row r="700" spans="2:7" ht="13.5" customHeight="1" x14ac:dyDescent="0.4">
      <c r="B700" s="10" t="s">
        <v>696</v>
      </c>
      <c r="C700" s="10" t="s">
        <v>8</v>
      </c>
      <c r="D700" s="10">
        <v>30</v>
      </c>
      <c r="E700" s="10">
        <v>7</v>
      </c>
      <c r="F700" s="10">
        <v>1</v>
      </c>
      <c r="G700" s="10">
        <v>216</v>
      </c>
    </row>
    <row r="701" spans="2:7" ht="13.5" customHeight="1" x14ac:dyDescent="0.4">
      <c r="B701" s="10" t="s">
        <v>697</v>
      </c>
      <c r="C701" s="10" t="s">
        <v>8</v>
      </c>
      <c r="D701" s="10">
        <v>30</v>
      </c>
      <c r="E701" s="10">
        <v>7</v>
      </c>
      <c r="F701" s="10">
        <v>1</v>
      </c>
      <c r="G701" s="10">
        <v>216</v>
      </c>
    </row>
    <row r="702" spans="2:7" ht="13.5" customHeight="1" x14ac:dyDescent="0.4">
      <c r="B702" s="10" t="s">
        <v>698</v>
      </c>
      <c r="C702" s="10" t="s">
        <v>8</v>
      </c>
      <c r="D702" s="10">
        <v>30</v>
      </c>
      <c r="E702" s="10">
        <v>7</v>
      </c>
      <c r="F702" s="10">
        <v>1</v>
      </c>
      <c r="G702" s="10">
        <v>216</v>
      </c>
    </row>
    <row r="703" spans="2:7" ht="13.5" customHeight="1" x14ac:dyDescent="0.4">
      <c r="B703" s="10" t="s">
        <v>699</v>
      </c>
      <c r="C703" s="10" t="s">
        <v>8</v>
      </c>
      <c r="D703" s="10">
        <v>30</v>
      </c>
      <c r="E703" s="10">
        <v>7</v>
      </c>
      <c r="F703" s="10">
        <v>1</v>
      </c>
      <c r="G703" s="10">
        <v>216</v>
      </c>
    </row>
    <row r="704" spans="2:7" ht="13.5" customHeight="1" x14ac:dyDescent="0.4">
      <c r="B704" s="10" t="s">
        <v>700</v>
      </c>
      <c r="C704" s="10" t="s">
        <v>8</v>
      </c>
      <c r="D704" s="10">
        <v>30</v>
      </c>
      <c r="E704" s="10">
        <v>7</v>
      </c>
      <c r="F704" s="10">
        <v>1</v>
      </c>
      <c r="G704" s="10">
        <v>216</v>
      </c>
    </row>
    <row r="705" spans="2:7" ht="13.5" customHeight="1" x14ac:dyDescent="0.4">
      <c r="B705" s="10" t="s">
        <v>701</v>
      </c>
      <c r="C705" s="10" t="s">
        <v>8</v>
      </c>
      <c r="D705" s="10">
        <v>30</v>
      </c>
      <c r="E705" s="10">
        <v>7</v>
      </c>
      <c r="F705" s="10">
        <v>1</v>
      </c>
      <c r="G705" s="10">
        <v>216</v>
      </c>
    </row>
    <row r="706" spans="2:7" ht="13.5" customHeight="1" x14ac:dyDescent="0.4">
      <c r="B706" s="10" t="s">
        <v>702</v>
      </c>
      <c r="C706" s="10" t="s">
        <v>8</v>
      </c>
      <c r="D706" s="10">
        <v>30</v>
      </c>
      <c r="E706" s="10">
        <v>7</v>
      </c>
      <c r="F706" s="10">
        <v>1</v>
      </c>
      <c r="G706" s="10">
        <v>216</v>
      </c>
    </row>
    <row r="707" spans="2:7" ht="13.5" customHeight="1" x14ac:dyDescent="0.4">
      <c r="B707" s="10" t="s">
        <v>703</v>
      </c>
      <c r="C707" s="10" t="s">
        <v>8</v>
      </c>
      <c r="D707" s="10">
        <v>30</v>
      </c>
      <c r="E707" s="10">
        <v>7</v>
      </c>
      <c r="F707" s="10">
        <v>1</v>
      </c>
      <c r="G707" s="10">
        <v>216</v>
      </c>
    </row>
    <row r="708" spans="2:7" ht="13.5" customHeight="1" x14ac:dyDescent="0.4">
      <c r="B708" s="10" t="s">
        <v>704</v>
      </c>
      <c r="C708" s="10" t="s">
        <v>8</v>
      </c>
      <c r="D708" s="10">
        <v>30</v>
      </c>
      <c r="E708" s="10">
        <v>7</v>
      </c>
      <c r="F708" s="10">
        <v>1</v>
      </c>
      <c r="G708" s="10">
        <v>216</v>
      </c>
    </row>
    <row r="709" spans="2:7" ht="13.5" customHeight="1" x14ac:dyDescent="0.4">
      <c r="B709" s="10" t="s">
        <v>705</v>
      </c>
      <c r="C709" s="10" t="s">
        <v>8</v>
      </c>
      <c r="D709" s="10">
        <v>30</v>
      </c>
      <c r="E709" s="10">
        <v>7</v>
      </c>
      <c r="F709" s="10">
        <v>1</v>
      </c>
      <c r="G709" s="10">
        <v>216</v>
      </c>
    </row>
    <row r="710" spans="2:7" ht="13.5" customHeight="1" x14ac:dyDescent="0.4">
      <c r="B710" s="10" t="s">
        <v>706</v>
      </c>
      <c r="C710" s="10" t="s">
        <v>8</v>
      </c>
      <c r="D710" s="10">
        <v>30</v>
      </c>
      <c r="E710" s="10">
        <v>8</v>
      </c>
      <c r="F710" s="10">
        <v>1</v>
      </c>
      <c r="G710" s="10">
        <v>217</v>
      </c>
    </row>
    <row r="711" spans="2:7" ht="13.5" customHeight="1" x14ac:dyDescent="0.4">
      <c r="B711" s="10" t="s">
        <v>707</v>
      </c>
      <c r="C711" s="10" t="s">
        <v>8</v>
      </c>
      <c r="D711" s="10">
        <v>30</v>
      </c>
      <c r="E711" s="10">
        <v>8</v>
      </c>
      <c r="F711" s="10">
        <v>1</v>
      </c>
      <c r="G711" s="10">
        <v>217</v>
      </c>
    </row>
    <row r="712" spans="2:7" ht="13.5" customHeight="1" x14ac:dyDescent="0.4">
      <c r="B712" s="10" t="s">
        <v>708</v>
      </c>
      <c r="C712" s="10" t="s">
        <v>8</v>
      </c>
      <c r="D712" s="10">
        <v>30</v>
      </c>
      <c r="E712" s="10">
        <v>8</v>
      </c>
      <c r="F712" s="10">
        <v>1</v>
      </c>
      <c r="G712" s="10">
        <v>217</v>
      </c>
    </row>
    <row r="713" spans="2:7" ht="13.5" customHeight="1" x14ac:dyDescent="0.4">
      <c r="B713" s="10" t="s">
        <v>709</v>
      </c>
      <c r="C713" s="10" t="s">
        <v>8</v>
      </c>
      <c r="D713" s="10">
        <v>30</v>
      </c>
      <c r="E713" s="10">
        <v>8</v>
      </c>
      <c r="F713" s="10">
        <v>1</v>
      </c>
      <c r="G713" s="10">
        <v>217</v>
      </c>
    </row>
    <row r="714" spans="2:7" ht="13.5" customHeight="1" x14ac:dyDescent="0.4">
      <c r="B714" s="10" t="s">
        <v>710</v>
      </c>
      <c r="C714" s="10" t="s">
        <v>8</v>
      </c>
      <c r="D714" s="10">
        <v>30</v>
      </c>
      <c r="E714" s="10">
        <v>8</v>
      </c>
      <c r="F714" s="10">
        <v>1</v>
      </c>
      <c r="G714" s="10">
        <v>217</v>
      </c>
    </row>
    <row r="715" spans="2:7" ht="13.5" customHeight="1" x14ac:dyDescent="0.4">
      <c r="B715" s="10" t="s">
        <v>711</v>
      </c>
      <c r="C715" s="10" t="s">
        <v>8</v>
      </c>
      <c r="D715" s="10">
        <v>30</v>
      </c>
      <c r="E715" s="10">
        <v>8</v>
      </c>
      <c r="F715" s="10">
        <v>1</v>
      </c>
      <c r="G715" s="10">
        <v>217</v>
      </c>
    </row>
    <row r="716" spans="2:7" ht="13.5" customHeight="1" x14ac:dyDescent="0.4">
      <c r="B716" s="10" t="s">
        <v>712</v>
      </c>
      <c r="C716" s="10" t="s">
        <v>8</v>
      </c>
      <c r="D716" s="10">
        <v>30</v>
      </c>
      <c r="E716" s="10">
        <v>8</v>
      </c>
      <c r="F716" s="10">
        <v>1</v>
      </c>
      <c r="G716" s="10">
        <v>217</v>
      </c>
    </row>
    <row r="717" spans="2:7" ht="13.5" customHeight="1" x14ac:dyDescent="0.4">
      <c r="B717" s="10" t="s">
        <v>713</v>
      </c>
      <c r="C717" s="10" t="s">
        <v>8</v>
      </c>
      <c r="D717" s="10">
        <v>30</v>
      </c>
      <c r="E717" s="10">
        <v>8</v>
      </c>
      <c r="F717" s="10">
        <v>1</v>
      </c>
      <c r="G717" s="10">
        <v>217</v>
      </c>
    </row>
    <row r="718" spans="2:7" ht="13.5" customHeight="1" x14ac:dyDescent="0.4">
      <c r="B718" s="10" t="s">
        <v>714</v>
      </c>
      <c r="C718" s="10" t="s">
        <v>8</v>
      </c>
      <c r="D718" s="10">
        <v>30</v>
      </c>
      <c r="E718" s="10">
        <v>8</v>
      </c>
      <c r="F718" s="10">
        <v>1</v>
      </c>
      <c r="G718" s="10">
        <v>217</v>
      </c>
    </row>
    <row r="719" spans="2:7" ht="13.5" customHeight="1" x14ac:dyDescent="0.4">
      <c r="B719" s="10" t="s">
        <v>715</v>
      </c>
      <c r="C719" s="10" t="s">
        <v>8</v>
      </c>
      <c r="D719" s="10">
        <v>30</v>
      </c>
      <c r="E719" s="10">
        <v>8</v>
      </c>
      <c r="F719" s="10">
        <v>1</v>
      </c>
      <c r="G719" s="10">
        <v>217</v>
      </c>
    </row>
    <row r="720" spans="2:7" ht="13.5" customHeight="1" x14ac:dyDescent="0.4">
      <c r="B720" s="10" t="s">
        <v>716</v>
      </c>
      <c r="C720" s="10" t="s">
        <v>8</v>
      </c>
      <c r="D720" s="10">
        <v>30</v>
      </c>
      <c r="E720" s="10">
        <v>8</v>
      </c>
      <c r="F720" s="10">
        <v>1</v>
      </c>
      <c r="G720" s="10">
        <v>217</v>
      </c>
    </row>
    <row r="721" spans="2:7" ht="13.5" customHeight="1" x14ac:dyDescent="0.4">
      <c r="B721" s="10" t="s">
        <v>717</v>
      </c>
      <c r="C721" s="10" t="s">
        <v>8</v>
      </c>
      <c r="D721" s="10">
        <v>30</v>
      </c>
      <c r="E721" s="10">
        <v>8</v>
      </c>
      <c r="F721" s="10">
        <v>1</v>
      </c>
      <c r="G721" s="10">
        <v>217</v>
      </c>
    </row>
    <row r="722" spans="2:7" ht="13.5" customHeight="1" x14ac:dyDescent="0.4">
      <c r="B722" s="10" t="s">
        <v>718</v>
      </c>
      <c r="C722" s="10" t="s">
        <v>8</v>
      </c>
      <c r="D722" s="10">
        <v>30</v>
      </c>
      <c r="E722" s="10">
        <v>8</v>
      </c>
      <c r="F722" s="10">
        <v>1</v>
      </c>
      <c r="G722" s="10">
        <v>217</v>
      </c>
    </row>
    <row r="723" spans="2:7" ht="13.5" customHeight="1" x14ac:dyDescent="0.4">
      <c r="B723" s="10" t="s">
        <v>719</v>
      </c>
      <c r="C723" s="10" t="s">
        <v>8</v>
      </c>
      <c r="D723" s="10">
        <v>30</v>
      </c>
      <c r="E723" s="10">
        <v>8</v>
      </c>
      <c r="F723" s="10">
        <v>1</v>
      </c>
      <c r="G723" s="10">
        <v>217</v>
      </c>
    </row>
    <row r="724" spans="2:7" ht="13.5" customHeight="1" x14ac:dyDescent="0.4">
      <c r="B724" s="10" t="s">
        <v>720</v>
      </c>
      <c r="C724" s="10" t="s">
        <v>8</v>
      </c>
      <c r="D724" s="10">
        <v>30</v>
      </c>
      <c r="E724" s="10">
        <v>8</v>
      </c>
      <c r="F724" s="10">
        <v>1</v>
      </c>
      <c r="G724" s="10">
        <v>217</v>
      </c>
    </row>
    <row r="725" spans="2:7" ht="13.5" customHeight="1" x14ac:dyDescent="0.4">
      <c r="B725" s="10" t="s">
        <v>721</v>
      </c>
      <c r="C725" s="10" t="s">
        <v>8</v>
      </c>
      <c r="D725" s="10">
        <v>30</v>
      </c>
      <c r="E725" s="10">
        <v>8</v>
      </c>
      <c r="F725" s="10">
        <v>1</v>
      </c>
      <c r="G725" s="10">
        <v>217</v>
      </c>
    </row>
    <row r="726" spans="2:7" ht="13.5" customHeight="1" x14ac:dyDescent="0.4">
      <c r="B726" s="10" t="s">
        <v>722</v>
      </c>
      <c r="C726" s="10" t="s">
        <v>8</v>
      </c>
      <c r="D726" s="10">
        <v>30</v>
      </c>
      <c r="E726" s="10">
        <v>8</v>
      </c>
      <c r="F726" s="10">
        <v>1</v>
      </c>
      <c r="G726" s="10">
        <v>217</v>
      </c>
    </row>
    <row r="727" spans="2:7" ht="13.5" customHeight="1" x14ac:dyDescent="0.4">
      <c r="B727" s="10" t="s">
        <v>723</v>
      </c>
      <c r="C727" s="10" t="s">
        <v>8</v>
      </c>
      <c r="D727" s="10">
        <v>30</v>
      </c>
      <c r="E727" s="10">
        <v>8</v>
      </c>
      <c r="F727" s="10">
        <v>1</v>
      </c>
      <c r="G727" s="10">
        <v>217</v>
      </c>
    </row>
    <row r="728" spans="2:7" ht="13.5" customHeight="1" x14ac:dyDescent="0.4">
      <c r="B728" s="10" t="s">
        <v>724</v>
      </c>
      <c r="C728" s="10" t="s">
        <v>8</v>
      </c>
      <c r="D728" s="10">
        <v>30</v>
      </c>
      <c r="E728" s="10">
        <v>8</v>
      </c>
      <c r="F728" s="10">
        <v>1</v>
      </c>
      <c r="G728" s="10">
        <v>217</v>
      </c>
    </row>
    <row r="729" spans="2:7" ht="13.5" customHeight="1" x14ac:dyDescent="0.4">
      <c r="B729" s="10" t="s">
        <v>725</v>
      </c>
      <c r="C729" s="10" t="s">
        <v>8</v>
      </c>
      <c r="D729" s="10">
        <v>30</v>
      </c>
      <c r="E729" s="10">
        <v>8</v>
      </c>
      <c r="F729" s="10">
        <v>1</v>
      </c>
      <c r="G729" s="10">
        <v>217</v>
      </c>
    </row>
    <row r="730" spans="2:7" ht="13.5" customHeight="1" x14ac:dyDescent="0.4">
      <c r="B730" s="10" t="s">
        <v>726</v>
      </c>
      <c r="C730" s="10" t="s">
        <v>8</v>
      </c>
      <c r="D730" s="10">
        <v>30</v>
      </c>
      <c r="E730" s="10">
        <v>8</v>
      </c>
      <c r="F730" s="10">
        <v>1</v>
      </c>
      <c r="G730" s="10">
        <v>217</v>
      </c>
    </row>
    <row r="731" spans="2:7" ht="13.5" customHeight="1" x14ac:dyDescent="0.4">
      <c r="B731" s="10" t="s">
        <v>727</v>
      </c>
      <c r="C731" s="10" t="s">
        <v>8</v>
      </c>
      <c r="D731" s="10">
        <v>30</v>
      </c>
      <c r="E731" s="10">
        <v>8</v>
      </c>
      <c r="F731" s="10">
        <v>1</v>
      </c>
      <c r="G731" s="10">
        <v>217</v>
      </c>
    </row>
    <row r="732" spans="2:7" ht="13.5" customHeight="1" x14ac:dyDescent="0.4">
      <c r="B732" s="10" t="s">
        <v>728</v>
      </c>
      <c r="C732" s="10" t="s">
        <v>8</v>
      </c>
      <c r="D732" s="10">
        <v>30</v>
      </c>
      <c r="E732" s="10">
        <v>8</v>
      </c>
      <c r="F732" s="10">
        <v>1</v>
      </c>
      <c r="G732" s="10">
        <v>217</v>
      </c>
    </row>
    <row r="733" spans="2:7" ht="13.5" customHeight="1" x14ac:dyDescent="0.4">
      <c r="B733" s="10" t="s">
        <v>729</v>
      </c>
      <c r="C733" s="10" t="s">
        <v>8</v>
      </c>
      <c r="D733" s="10">
        <v>30</v>
      </c>
      <c r="E733" s="10">
        <v>8</v>
      </c>
      <c r="F733" s="10">
        <v>1</v>
      </c>
      <c r="G733" s="10">
        <v>217</v>
      </c>
    </row>
    <row r="734" spans="2:7" ht="13.5" customHeight="1" x14ac:dyDescent="0.4">
      <c r="B734" s="10" t="s">
        <v>730</v>
      </c>
      <c r="C734" s="10" t="s">
        <v>8</v>
      </c>
      <c r="D734" s="10">
        <v>30</v>
      </c>
      <c r="E734" s="10">
        <v>8</v>
      </c>
      <c r="F734" s="10">
        <v>1</v>
      </c>
      <c r="G734" s="10">
        <v>217</v>
      </c>
    </row>
    <row r="735" spans="2:7" ht="13.5" customHeight="1" x14ac:dyDescent="0.4">
      <c r="B735" s="10" t="s">
        <v>731</v>
      </c>
      <c r="C735" s="10" t="s">
        <v>8</v>
      </c>
      <c r="D735" s="10">
        <v>30</v>
      </c>
      <c r="E735" s="10">
        <v>8</v>
      </c>
      <c r="F735" s="10">
        <v>1</v>
      </c>
      <c r="G735" s="10">
        <v>217</v>
      </c>
    </row>
    <row r="736" spans="2:7" ht="13.5" customHeight="1" x14ac:dyDescent="0.4">
      <c r="B736" s="10" t="s">
        <v>732</v>
      </c>
      <c r="C736" s="10" t="s">
        <v>8</v>
      </c>
      <c r="D736" s="10">
        <v>30</v>
      </c>
      <c r="E736" s="10">
        <v>8</v>
      </c>
      <c r="F736" s="10">
        <v>1</v>
      </c>
      <c r="G736" s="10">
        <v>217</v>
      </c>
    </row>
    <row r="737" spans="2:7" ht="13.5" customHeight="1" x14ac:dyDescent="0.4">
      <c r="B737" s="10" t="s">
        <v>733</v>
      </c>
      <c r="C737" s="10" t="s">
        <v>8</v>
      </c>
      <c r="D737" s="10">
        <v>30</v>
      </c>
      <c r="E737" s="10">
        <v>8</v>
      </c>
      <c r="F737" s="10">
        <v>1</v>
      </c>
      <c r="G737" s="10">
        <v>217</v>
      </c>
    </row>
    <row r="738" spans="2:7" ht="13.5" customHeight="1" x14ac:dyDescent="0.4">
      <c r="B738" s="10" t="s">
        <v>734</v>
      </c>
      <c r="C738" s="10" t="s">
        <v>8</v>
      </c>
      <c r="D738" s="10">
        <v>30</v>
      </c>
      <c r="E738" s="10">
        <v>8</v>
      </c>
      <c r="F738" s="10">
        <v>1</v>
      </c>
      <c r="G738" s="10">
        <v>217</v>
      </c>
    </row>
    <row r="739" spans="2:7" ht="13.5" customHeight="1" x14ac:dyDescent="0.4">
      <c r="B739" s="10" t="s">
        <v>735</v>
      </c>
      <c r="C739" s="10" t="s">
        <v>8</v>
      </c>
      <c r="D739" s="10">
        <v>30</v>
      </c>
      <c r="E739" s="10">
        <v>8</v>
      </c>
      <c r="F739" s="10">
        <v>1</v>
      </c>
      <c r="G739" s="10">
        <v>217</v>
      </c>
    </row>
    <row r="740" spans="2:7" ht="13.5" customHeight="1" x14ac:dyDescent="0.4">
      <c r="B740" s="10" t="s">
        <v>736</v>
      </c>
      <c r="C740" s="10" t="s">
        <v>8</v>
      </c>
      <c r="D740" s="10">
        <v>30</v>
      </c>
      <c r="E740" s="10">
        <v>8</v>
      </c>
      <c r="F740" s="10">
        <v>1</v>
      </c>
      <c r="G740" s="10">
        <v>217</v>
      </c>
    </row>
    <row r="741" spans="2:7" ht="13.5" customHeight="1" x14ac:dyDescent="0.4">
      <c r="B741" s="10" t="s">
        <v>737</v>
      </c>
      <c r="C741" s="10" t="s">
        <v>8</v>
      </c>
      <c r="D741" s="10">
        <v>30</v>
      </c>
      <c r="E741" s="10">
        <v>8</v>
      </c>
      <c r="F741" s="10">
        <v>1</v>
      </c>
      <c r="G741" s="10">
        <v>217</v>
      </c>
    </row>
    <row r="742" spans="2:7" ht="13.5" customHeight="1" x14ac:dyDescent="0.4">
      <c r="B742" s="10" t="s">
        <v>738</v>
      </c>
      <c r="C742" s="10" t="s">
        <v>8</v>
      </c>
      <c r="D742" s="10">
        <v>30</v>
      </c>
      <c r="E742" s="10">
        <v>8</v>
      </c>
      <c r="F742" s="10">
        <v>1</v>
      </c>
      <c r="G742" s="10">
        <v>217</v>
      </c>
    </row>
    <row r="743" spans="2:7" ht="13.5" customHeight="1" x14ac:dyDescent="0.4">
      <c r="B743" s="10" t="s">
        <v>739</v>
      </c>
      <c r="C743" s="10" t="s">
        <v>8</v>
      </c>
      <c r="D743" s="10">
        <v>30</v>
      </c>
      <c r="E743" s="10">
        <v>8</v>
      </c>
      <c r="F743" s="10">
        <v>1</v>
      </c>
      <c r="G743" s="10">
        <v>217</v>
      </c>
    </row>
    <row r="744" spans="2:7" ht="13.5" customHeight="1" x14ac:dyDescent="0.4">
      <c r="B744" s="10" t="s">
        <v>740</v>
      </c>
      <c r="C744" s="10" t="s">
        <v>8</v>
      </c>
      <c r="D744" s="10">
        <v>30</v>
      </c>
      <c r="E744" s="10">
        <v>8</v>
      </c>
      <c r="F744" s="10">
        <v>1</v>
      </c>
      <c r="G744" s="10">
        <v>217</v>
      </c>
    </row>
    <row r="745" spans="2:7" ht="13.5" customHeight="1" x14ac:dyDescent="0.4">
      <c r="B745" s="10" t="s">
        <v>741</v>
      </c>
      <c r="C745" s="10" t="s">
        <v>8</v>
      </c>
      <c r="D745" s="10">
        <v>30</v>
      </c>
      <c r="E745" s="10">
        <v>8</v>
      </c>
      <c r="F745" s="10">
        <v>1</v>
      </c>
      <c r="G745" s="10">
        <v>217</v>
      </c>
    </row>
    <row r="746" spans="2:7" ht="13.5" customHeight="1" x14ac:dyDescent="0.4">
      <c r="B746" s="10" t="s">
        <v>742</v>
      </c>
      <c r="C746" s="10" t="s">
        <v>8</v>
      </c>
      <c r="D746" s="10">
        <v>30</v>
      </c>
      <c r="E746" s="10">
        <v>8</v>
      </c>
      <c r="F746" s="10">
        <v>1</v>
      </c>
      <c r="G746" s="10">
        <v>217</v>
      </c>
    </row>
    <row r="747" spans="2:7" ht="13.5" customHeight="1" x14ac:dyDescent="0.4">
      <c r="B747" s="10" t="s">
        <v>743</v>
      </c>
      <c r="C747" s="10" t="s">
        <v>8</v>
      </c>
      <c r="D747" s="10">
        <v>30</v>
      </c>
      <c r="E747" s="10">
        <v>8</v>
      </c>
      <c r="F747" s="10">
        <v>1</v>
      </c>
      <c r="G747" s="10">
        <v>217</v>
      </c>
    </row>
    <row r="748" spans="2:7" ht="13.5" customHeight="1" x14ac:dyDescent="0.4">
      <c r="B748" s="10" t="s">
        <v>744</v>
      </c>
      <c r="C748" s="10" t="s">
        <v>8</v>
      </c>
      <c r="D748" s="10">
        <v>30</v>
      </c>
      <c r="E748" s="10">
        <v>8</v>
      </c>
      <c r="F748" s="10">
        <v>1</v>
      </c>
      <c r="G748" s="10">
        <v>217</v>
      </c>
    </row>
    <row r="749" spans="2:7" ht="13.5" customHeight="1" x14ac:dyDescent="0.4">
      <c r="B749" s="10" t="s">
        <v>745</v>
      </c>
      <c r="C749" s="10" t="s">
        <v>8</v>
      </c>
      <c r="D749" s="10">
        <v>30</v>
      </c>
      <c r="E749" s="10">
        <v>8</v>
      </c>
      <c r="F749" s="10">
        <v>1</v>
      </c>
      <c r="G749" s="10">
        <v>217</v>
      </c>
    </row>
    <row r="750" spans="2:7" ht="13.5" customHeight="1" x14ac:dyDescent="0.4">
      <c r="B750" s="10" t="s">
        <v>746</v>
      </c>
      <c r="C750" s="10" t="s">
        <v>8</v>
      </c>
      <c r="D750" s="10">
        <v>30</v>
      </c>
      <c r="E750" s="10">
        <v>8</v>
      </c>
      <c r="F750" s="10">
        <v>1</v>
      </c>
      <c r="G750" s="10">
        <v>217</v>
      </c>
    </row>
    <row r="751" spans="2:7" ht="13.5" customHeight="1" x14ac:dyDescent="0.4">
      <c r="B751" s="10" t="s">
        <v>747</v>
      </c>
      <c r="C751" s="10" t="s">
        <v>8</v>
      </c>
      <c r="D751" s="10">
        <v>30</v>
      </c>
      <c r="E751" s="10">
        <v>8</v>
      </c>
      <c r="F751" s="10">
        <v>1</v>
      </c>
      <c r="G751" s="10">
        <v>217</v>
      </c>
    </row>
    <row r="752" spans="2:7" ht="13.5" customHeight="1" x14ac:dyDescent="0.4">
      <c r="B752" s="10" t="s">
        <v>748</v>
      </c>
      <c r="C752" s="10" t="s">
        <v>8</v>
      </c>
      <c r="D752" s="10">
        <v>30</v>
      </c>
      <c r="E752" s="10">
        <v>8</v>
      </c>
      <c r="F752" s="10">
        <v>1</v>
      </c>
      <c r="G752" s="10">
        <v>217</v>
      </c>
    </row>
    <row r="753" spans="2:7" ht="13.5" customHeight="1" x14ac:dyDescent="0.4">
      <c r="B753" s="10" t="s">
        <v>749</v>
      </c>
      <c r="C753" s="10" t="s">
        <v>8</v>
      </c>
      <c r="D753" s="10">
        <v>30</v>
      </c>
      <c r="E753" s="10">
        <v>8</v>
      </c>
      <c r="F753" s="10">
        <v>1</v>
      </c>
      <c r="G753" s="10">
        <v>217</v>
      </c>
    </row>
    <row r="754" spans="2:7" ht="13.5" customHeight="1" x14ac:dyDescent="0.4">
      <c r="B754" s="10" t="s">
        <v>750</v>
      </c>
      <c r="C754" s="10" t="s">
        <v>8</v>
      </c>
      <c r="D754" s="10">
        <v>30</v>
      </c>
      <c r="E754" s="10">
        <v>8</v>
      </c>
      <c r="F754" s="10">
        <v>1</v>
      </c>
      <c r="G754" s="10">
        <v>217</v>
      </c>
    </row>
    <row r="755" spans="2:7" ht="13.5" customHeight="1" x14ac:dyDescent="0.4">
      <c r="B755" s="10" t="s">
        <v>751</v>
      </c>
      <c r="C755" s="10" t="s">
        <v>8</v>
      </c>
      <c r="D755" s="10">
        <v>30</v>
      </c>
      <c r="E755" s="10">
        <v>8</v>
      </c>
      <c r="F755" s="10">
        <v>1</v>
      </c>
      <c r="G755" s="10">
        <v>217</v>
      </c>
    </row>
    <row r="756" spans="2:7" ht="13.5" customHeight="1" x14ac:dyDescent="0.4">
      <c r="B756" s="10" t="s">
        <v>752</v>
      </c>
      <c r="C756" s="10" t="s">
        <v>8</v>
      </c>
      <c r="D756" s="10">
        <v>30</v>
      </c>
      <c r="E756" s="10">
        <v>8</v>
      </c>
      <c r="F756" s="10">
        <v>1</v>
      </c>
      <c r="G756" s="10">
        <v>217</v>
      </c>
    </row>
    <row r="757" spans="2:7" ht="13.5" customHeight="1" x14ac:dyDescent="0.4">
      <c r="B757" s="10" t="s">
        <v>753</v>
      </c>
      <c r="C757" s="10" t="s">
        <v>8</v>
      </c>
      <c r="D757" s="10">
        <v>30</v>
      </c>
      <c r="E757" s="10">
        <v>8</v>
      </c>
      <c r="F757" s="10">
        <v>1</v>
      </c>
      <c r="G757" s="10">
        <v>217</v>
      </c>
    </row>
    <row r="758" spans="2:7" ht="13.5" customHeight="1" x14ac:dyDescent="0.4">
      <c r="B758" s="10" t="s">
        <v>754</v>
      </c>
      <c r="C758" s="10" t="s">
        <v>8</v>
      </c>
      <c r="D758" s="10">
        <v>30</v>
      </c>
      <c r="E758" s="10">
        <v>8</v>
      </c>
      <c r="F758" s="10">
        <v>1</v>
      </c>
      <c r="G758" s="10">
        <v>217</v>
      </c>
    </row>
    <row r="759" spans="2:7" ht="13.5" customHeight="1" x14ac:dyDescent="0.4">
      <c r="B759" s="10" t="s">
        <v>755</v>
      </c>
      <c r="C759" s="10" t="s">
        <v>8</v>
      </c>
      <c r="D759" s="10">
        <v>30</v>
      </c>
      <c r="E759" s="10">
        <v>8</v>
      </c>
      <c r="F759" s="10">
        <v>1</v>
      </c>
      <c r="G759" s="10">
        <v>217</v>
      </c>
    </row>
    <row r="760" spans="2:7" ht="13.5" customHeight="1" x14ac:dyDescent="0.4">
      <c r="B760" s="10" t="s">
        <v>756</v>
      </c>
      <c r="C760" s="10" t="s">
        <v>8</v>
      </c>
      <c r="D760" s="10">
        <v>30</v>
      </c>
      <c r="E760" s="10">
        <v>8</v>
      </c>
      <c r="F760" s="10">
        <v>1</v>
      </c>
      <c r="G760" s="10">
        <v>217</v>
      </c>
    </row>
    <row r="761" spans="2:7" ht="13.5" customHeight="1" x14ac:dyDescent="0.4">
      <c r="B761" s="10" t="s">
        <v>757</v>
      </c>
      <c r="C761" s="10" t="s">
        <v>8</v>
      </c>
      <c r="D761" s="10">
        <v>30</v>
      </c>
      <c r="E761" s="10">
        <v>8</v>
      </c>
      <c r="F761" s="10">
        <v>1</v>
      </c>
      <c r="G761" s="10">
        <v>217</v>
      </c>
    </row>
    <row r="762" spans="2:7" ht="13.5" customHeight="1" x14ac:dyDescent="0.4">
      <c r="B762" s="10" t="s">
        <v>758</v>
      </c>
      <c r="C762" s="10" t="s">
        <v>8</v>
      </c>
      <c r="D762" s="10">
        <v>30</v>
      </c>
      <c r="E762" s="10">
        <v>8</v>
      </c>
      <c r="F762" s="10">
        <v>1</v>
      </c>
      <c r="G762" s="10">
        <v>217</v>
      </c>
    </row>
    <row r="763" spans="2:7" ht="13.5" customHeight="1" x14ac:dyDescent="0.4">
      <c r="B763" s="10" t="s">
        <v>759</v>
      </c>
      <c r="C763" s="10" t="s">
        <v>8</v>
      </c>
      <c r="D763" s="10">
        <v>30</v>
      </c>
      <c r="E763" s="10">
        <v>8</v>
      </c>
      <c r="F763" s="10">
        <v>1</v>
      </c>
      <c r="G763" s="10">
        <v>217</v>
      </c>
    </row>
    <row r="764" spans="2:7" ht="13.5" customHeight="1" x14ac:dyDescent="0.4">
      <c r="B764" s="10" t="s">
        <v>760</v>
      </c>
      <c r="C764" s="10" t="s">
        <v>8</v>
      </c>
      <c r="D764" s="10">
        <v>30</v>
      </c>
      <c r="E764" s="10">
        <v>8</v>
      </c>
      <c r="F764" s="10">
        <v>1</v>
      </c>
      <c r="G764" s="10">
        <v>217</v>
      </c>
    </row>
    <row r="765" spans="2:7" ht="13.5" customHeight="1" x14ac:dyDescent="0.4">
      <c r="B765" s="10" t="s">
        <v>761</v>
      </c>
      <c r="C765" s="10" t="s">
        <v>8</v>
      </c>
      <c r="D765" s="10">
        <v>30</v>
      </c>
      <c r="E765" s="10">
        <v>8</v>
      </c>
      <c r="F765" s="10">
        <v>1</v>
      </c>
      <c r="G765" s="10">
        <v>217</v>
      </c>
    </row>
    <row r="766" spans="2:7" ht="13.5" customHeight="1" x14ac:dyDescent="0.4">
      <c r="B766" s="10" t="s">
        <v>762</v>
      </c>
      <c r="C766" s="10" t="s">
        <v>8</v>
      </c>
      <c r="D766" s="10">
        <v>30</v>
      </c>
      <c r="E766" s="10">
        <v>8</v>
      </c>
      <c r="F766" s="10">
        <v>1</v>
      </c>
      <c r="G766" s="10">
        <v>217</v>
      </c>
    </row>
    <row r="767" spans="2:7" ht="13.5" customHeight="1" x14ac:dyDescent="0.4">
      <c r="B767" s="10" t="s">
        <v>763</v>
      </c>
      <c r="C767" s="10" t="s">
        <v>8</v>
      </c>
      <c r="D767" s="10">
        <v>30</v>
      </c>
      <c r="E767" s="10">
        <v>8</v>
      </c>
      <c r="F767" s="10">
        <v>1</v>
      </c>
      <c r="G767" s="10">
        <v>217</v>
      </c>
    </row>
    <row r="768" spans="2:7" ht="13.5" customHeight="1" x14ac:dyDescent="0.4">
      <c r="B768" s="10" t="s">
        <v>764</v>
      </c>
      <c r="C768" s="10" t="s">
        <v>8</v>
      </c>
      <c r="D768" s="10">
        <v>30</v>
      </c>
      <c r="E768" s="10">
        <v>8</v>
      </c>
      <c r="F768" s="10">
        <v>1</v>
      </c>
      <c r="G768" s="10">
        <v>217</v>
      </c>
    </row>
    <row r="769" spans="2:7" ht="13.5" customHeight="1" x14ac:dyDescent="0.4">
      <c r="B769" s="10" t="s">
        <v>765</v>
      </c>
      <c r="C769" s="10" t="s">
        <v>8</v>
      </c>
      <c r="D769" s="10">
        <v>30</v>
      </c>
      <c r="E769" s="10">
        <v>8</v>
      </c>
      <c r="F769" s="10">
        <v>1</v>
      </c>
      <c r="G769" s="10">
        <v>217</v>
      </c>
    </row>
    <row r="770" spans="2:7" ht="13.5" customHeight="1" x14ac:dyDescent="0.4">
      <c r="B770" s="10" t="s">
        <v>766</v>
      </c>
      <c r="C770" s="10" t="s">
        <v>8</v>
      </c>
      <c r="D770" s="10">
        <v>30</v>
      </c>
      <c r="E770" s="10">
        <v>8</v>
      </c>
      <c r="F770" s="10">
        <v>1</v>
      </c>
      <c r="G770" s="10">
        <v>217</v>
      </c>
    </row>
    <row r="771" spans="2:7" ht="13.5" customHeight="1" x14ac:dyDescent="0.4">
      <c r="B771" s="10" t="s">
        <v>767</v>
      </c>
      <c r="C771" s="10" t="s">
        <v>8</v>
      </c>
      <c r="D771" s="10">
        <v>30</v>
      </c>
      <c r="E771" s="10">
        <v>8</v>
      </c>
      <c r="F771" s="10">
        <v>1</v>
      </c>
      <c r="G771" s="10">
        <v>217</v>
      </c>
    </row>
    <row r="772" spans="2:7" ht="13.5" customHeight="1" x14ac:dyDescent="0.4">
      <c r="B772" s="10" t="s">
        <v>768</v>
      </c>
      <c r="C772" s="10" t="s">
        <v>8</v>
      </c>
      <c r="D772" s="10">
        <v>30</v>
      </c>
      <c r="E772" s="10">
        <v>8</v>
      </c>
      <c r="F772" s="10">
        <v>1</v>
      </c>
      <c r="G772" s="10">
        <v>217</v>
      </c>
    </row>
    <row r="773" spans="2:7" ht="13.5" customHeight="1" x14ac:dyDescent="0.4">
      <c r="B773" s="10" t="s">
        <v>769</v>
      </c>
      <c r="C773" s="10" t="s">
        <v>8</v>
      </c>
      <c r="D773" s="10">
        <v>30</v>
      </c>
      <c r="E773" s="10">
        <v>8</v>
      </c>
      <c r="F773" s="10">
        <v>1</v>
      </c>
      <c r="G773" s="10">
        <v>217</v>
      </c>
    </row>
    <row r="774" spans="2:7" ht="13.5" customHeight="1" x14ac:dyDescent="0.4">
      <c r="B774" s="10" t="s">
        <v>770</v>
      </c>
      <c r="C774" s="10" t="s">
        <v>8</v>
      </c>
      <c r="D774" s="10">
        <v>30</v>
      </c>
      <c r="E774" s="10">
        <v>8</v>
      </c>
      <c r="F774" s="10">
        <v>1</v>
      </c>
      <c r="G774" s="10">
        <v>217</v>
      </c>
    </row>
    <row r="775" spans="2:7" ht="13.5" customHeight="1" x14ac:dyDescent="0.4">
      <c r="B775" s="10" t="s">
        <v>771</v>
      </c>
      <c r="C775" s="10" t="s">
        <v>8</v>
      </c>
      <c r="D775" s="10">
        <v>30</v>
      </c>
      <c r="E775" s="10">
        <v>8</v>
      </c>
      <c r="F775" s="10">
        <v>1</v>
      </c>
      <c r="G775" s="10">
        <v>217</v>
      </c>
    </row>
    <row r="776" spans="2:7" ht="13.5" customHeight="1" x14ac:dyDescent="0.4">
      <c r="B776" s="10" t="s">
        <v>772</v>
      </c>
      <c r="C776" s="10" t="s">
        <v>8</v>
      </c>
      <c r="D776" s="10">
        <v>30</v>
      </c>
      <c r="E776" s="10">
        <v>8</v>
      </c>
      <c r="F776" s="10">
        <v>1</v>
      </c>
      <c r="G776" s="10">
        <v>217</v>
      </c>
    </row>
    <row r="777" spans="2:7" ht="13.5" customHeight="1" x14ac:dyDescent="0.4">
      <c r="B777" s="10" t="s">
        <v>773</v>
      </c>
      <c r="C777" s="10" t="s">
        <v>8</v>
      </c>
      <c r="D777" s="10">
        <v>30</v>
      </c>
      <c r="E777" s="10">
        <v>8</v>
      </c>
      <c r="F777" s="10">
        <v>1</v>
      </c>
      <c r="G777" s="10">
        <v>217</v>
      </c>
    </row>
    <row r="778" spans="2:7" ht="13.5" customHeight="1" x14ac:dyDescent="0.4">
      <c r="B778" s="10" t="s">
        <v>774</v>
      </c>
      <c r="C778" s="10" t="s">
        <v>8</v>
      </c>
      <c r="D778" s="10">
        <v>30</v>
      </c>
      <c r="E778" s="10">
        <v>8</v>
      </c>
      <c r="F778" s="10">
        <v>1</v>
      </c>
      <c r="G778" s="10">
        <v>217</v>
      </c>
    </row>
    <row r="779" spans="2:7" ht="13.5" customHeight="1" x14ac:dyDescent="0.4">
      <c r="B779" s="10" t="s">
        <v>775</v>
      </c>
      <c r="C779" s="10" t="s">
        <v>8</v>
      </c>
      <c r="D779" s="10">
        <v>30</v>
      </c>
      <c r="E779" s="10">
        <v>8</v>
      </c>
      <c r="F779" s="10">
        <v>1</v>
      </c>
      <c r="G779" s="10">
        <v>217</v>
      </c>
    </row>
    <row r="780" spans="2:7" ht="13.5" customHeight="1" x14ac:dyDescent="0.4">
      <c r="B780" s="10" t="s">
        <v>776</v>
      </c>
      <c r="C780" s="10" t="s">
        <v>8</v>
      </c>
      <c r="D780" s="10">
        <v>30</v>
      </c>
      <c r="E780" s="10">
        <v>8</v>
      </c>
      <c r="F780" s="10">
        <v>1</v>
      </c>
      <c r="G780" s="10">
        <v>217</v>
      </c>
    </row>
    <row r="781" spans="2:7" ht="13.5" customHeight="1" x14ac:dyDescent="0.4">
      <c r="B781" s="10" t="s">
        <v>777</v>
      </c>
      <c r="C781" s="10" t="s">
        <v>8</v>
      </c>
      <c r="D781" s="10">
        <v>30</v>
      </c>
      <c r="E781" s="10">
        <v>8</v>
      </c>
      <c r="F781" s="10">
        <v>1</v>
      </c>
      <c r="G781" s="10">
        <v>217</v>
      </c>
    </row>
    <row r="782" spans="2:7" ht="13.5" customHeight="1" x14ac:dyDescent="0.4">
      <c r="B782" s="10" t="s">
        <v>778</v>
      </c>
      <c r="C782" s="10" t="s">
        <v>8</v>
      </c>
      <c r="D782" s="10">
        <v>30</v>
      </c>
      <c r="E782" s="10">
        <v>8</v>
      </c>
      <c r="F782" s="10">
        <v>1</v>
      </c>
      <c r="G782" s="10">
        <v>217</v>
      </c>
    </row>
    <row r="783" spans="2:7" ht="13.5" customHeight="1" x14ac:dyDescent="0.4">
      <c r="B783" s="10" t="s">
        <v>779</v>
      </c>
      <c r="C783" s="10" t="s">
        <v>8</v>
      </c>
      <c r="D783" s="10">
        <v>30</v>
      </c>
      <c r="E783" s="10">
        <v>8</v>
      </c>
      <c r="F783" s="10">
        <v>1</v>
      </c>
      <c r="G783" s="10">
        <v>217</v>
      </c>
    </row>
    <row r="784" spans="2:7" ht="13.5" customHeight="1" x14ac:dyDescent="0.4">
      <c r="B784" s="10" t="s">
        <v>780</v>
      </c>
      <c r="C784" s="10" t="s">
        <v>8</v>
      </c>
      <c r="D784" s="10">
        <v>30</v>
      </c>
      <c r="E784" s="10">
        <v>8</v>
      </c>
      <c r="F784" s="10">
        <v>1</v>
      </c>
      <c r="G784" s="10">
        <v>217</v>
      </c>
    </row>
    <row r="785" spans="2:7" ht="13.5" customHeight="1" x14ac:dyDescent="0.4">
      <c r="B785" s="10" t="s">
        <v>781</v>
      </c>
      <c r="C785" s="10" t="s">
        <v>8</v>
      </c>
      <c r="D785" s="10">
        <v>30</v>
      </c>
      <c r="E785" s="10">
        <v>8</v>
      </c>
      <c r="F785" s="10">
        <v>1</v>
      </c>
      <c r="G785" s="10">
        <v>217</v>
      </c>
    </row>
    <row r="786" spans="2:7" ht="13.5" customHeight="1" x14ac:dyDescent="0.4">
      <c r="B786" s="10" t="s">
        <v>782</v>
      </c>
      <c r="C786" s="10" t="s">
        <v>8</v>
      </c>
      <c r="D786" s="10">
        <v>30</v>
      </c>
      <c r="E786" s="10">
        <v>8</v>
      </c>
      <c r="F786" s="10">
        <v>1</v>
      </c>
      <c r="G786" s="10">
        <v>217</v>
      </c>
    </row>
    <row r="787" spans="2:7" ht="13.5" customHeight="1" x14ac:dyDescent="0.4">
      <c r="B787" s="10" t="s">
        <v>783</v>
      </c>
      <c r="C787" s="10" t="s">
        <v>8</v>
      </c>
      <c r="D787" s="10">
        <v>30</v>
      </c>
      <c r="E787" s="10">
        <v>8</v>
      </c>
      <c r="F787" s="10">
        <v>1</v>
      </c>
      <c r="G787" s="10">
        <v>217</v>
      </c>
    </row>
    <row r="788" spans="2:7" ht="13.5" customHeight="1" x14ac:dyDescent="0.4">
      <c r="B788" s="10" t="s">
        <v>784</v>
      </c>
      <c r="C788" s="10" t="s">
        <v>8</v>
      </c>
      <c r="D788" s="10">
        <v>30</v>
      </c>
      <c r="E788" s="10">
        <v>8</v>
      </c>
      <c r="F788" s="10">
        <v>1</v>
      </c>
      <c r="G788" s="10">
        <v>217</v>
      </c>
    </row>
    <row r="789" spans="2:7" ht="13.5" customHeight="1" x14ac:dyDescent="0.4">
      <c r="B789" s="10" t="s">
        <v>785</v>
      </c>
      <c r="C789" s="10" t="s">
        <v>8</v>
      </c>
      <c r="D789" s="10">
        <v>30</v>
      </c>
      <c r="E789" s="10">
        <v>8</v>
      </c>
      <c r="F789" s="10">
        <v>1</v>
      </c>
      <c r="G789" s="10">
        <v>217</v>
      </c>
    </row>
    <row r="790" spans="2:7" ht="13.5" customHeight="1" x14ac:dyDescent="0.4">
      <c r="B790" s="10" t="s">
        <v>786</v>
      </c>
      <c r="C790" s="10" t="s">
        <v>8</v>
      </c>
      <c r="D790" s="10">
        <v>30</v>
      </c>
      <c r="E790" s="10">
        <v>8</v>
      </c>
      <c r="F790" s="10">
        <v>1</v>
      </c>
      <c r="G790" s="10">
        <v>217</v>
      </c>
    </row>
    <row r="791" spans="2:7" ht="13.5" customHeight="1" x14ac:dyDescent="0.4">
      <c r="B791" s="10" t="s">
        <v>787</v>
      </c>
      <c r="C791" s="10" t="s">
        <v>8</v>
      </c>
      <c r="D791" s="10">
        <v>30</v>
      </c>
      <c r="E791" s="10">
        <v>8</v>
      </c>
      <c r="F791" s="10">
        <v>1</v>
      </c>
      <c r="G791" s="10">
        <v>217</v>
      </c>
    </row>
    <row r="792" spans="2:7" ht="13.5" customHeight="1" x14ac:dyDescent="0.4">
      <c r="B792" s="10" t="s">
        <v>788</v>
      </c>
      <c r="C792" s="10" t="s">
        <v>8</v>
      </c>
      <c r="D792" s="10">
        <v>30</v>
      </c>
      <c r="E792" s="10">
        <v>8</v>
      </c>
      <c r="F792" s="10">
        <v>1</v>
      </c>
      <c r="G792" s="10">
        <v>217</v>
      </c>
    </row>
    <row r="793" spans="2:7" ht="13.5" customHeight="1" x14ac:dyDescent="0.4">
      <c r="B793" s="10" t="s">
        <v>789</v>
      </c>
      <c r="C793" s="10" t="s">
        <v>8</v>
      </c>
      <c r="D793" s="10">
        <v>30</v>
      </c>
      <c r="E793" s="10">
        <v>8</v>
      </c>
      <c r="F793" s="10">
        <v>1</v>
      </c>
      <c r="G793" s="10">
        <v>217</v>
      </c>
    </row>
    <row r="794" spans="2:7" ht="13.5" customHeight="1" x14ac:dyDescent="0.4">
      <c r="B794" s="10" t="s">
        <v>790</v>
      </c>
      <c r="C794" s="10" t="s">
        <v>8</v>
      </c>
      <c r="D794" s="10">
        <v>30</v>
      </c>
      <c r="E794" s="10">
        <v>8</v>
      </c>
      <c r="F794" s="10">
        <v>1</v>
      </c>
      <c r="G794" s="10">
        <v>217</v>
      </c>
    </row>
    <row r="795" spans="2:7" ht="13.5" customHeight="1" x14ac:dyDescent="0.4">
      <c r="B795" s="10" t="s">
        <v>791</v>
      </c>
      <c r="C795" s="10" t="s">
        <v>8</v>
      </c>
      <c r="D795" s="10">
        <v>30</v>
      </c>
      <c r="E795" s="10">
        <v>8</v>
      </c>
      <c r="F795" s="10">
        <v>1</v>
      </c>
      <c r="G795" s="10">
        <v>217</v>
      </c>
    </row>
    <row r="796" spans="2:7" ht="13.5" customHeight="1" x14ac:dyDescent="0.4">
      <c r="B796" s="10" t="s">
        <v>792</v>
      </c>
      <c r="C796" s="10" t="s">
        <v>8</v>
      </c>
      <c r="D796" s="10">
        <v>30</v>
      </c>
      <c r="E796" s="10">
        <v>8</v>
      </c>
      <c r="F796" s="10">
        <v>1</v>
      </c>
      <c r="G796" s="10">
        <v>217</v>
      </c>
    </row>
    <row r="797" spans="2:7" ht="13.5" customHeight="1" x14ac:dyDescent="0.4">
      <c r="B797" s="10" t="s">
        <v>793</v>
      </c>
      <c r="C797" s="10" t="s">
        <v>8</v>
      </c>
      <c r="D797" s="10">
        <v>30</v>
      </c>
      <c r="E797" s="10">
        <v>8</v>
      </c>
      <c r="F797" s="10">
        <v>1</v>
      </c>
      <c r="G797" s="10">
        <v>217</v>
      </c>
    </row>
    <row r="798" spans="2:7" ht="13.5" customHeight="1" x14ac:dyDescent="0.4">
      <c r="B798" s="10" t="s">
        <v>794</v>
      </c>
      <c r="C798" s="10" t="s">
        <v>8</v>
      </c>
      <c r="D798" s="10">
        <v>30</v>
      </c>
      <c r="E798" s="10">
        <v>8</v>
      </c>
      <c r="F798" s="10">
        <v>1</v>
      </c>
      <c r="G798" s="10">
        <v>217</v>
      </c>
    </row>
    <row r="799" spans="2:7" ht="13.5" customHeight="1" x14ac:dyDescent="0.4">
      <c r="B799" s="10" t="s">
        <v>795</v>
      </c>
      <c r="C799" s="10" t="s">
        <v>8</v>
      </c>
      <c r="D799" s="10">
        <v>30</v>
      </c>
      <c r="E799" s="10">
        <v>8</v>
      </c>
      <c r="F799" s="10">
        <v>1</v>
      </c>
      <c r="G799" s="10">
        <v>217</v>
      </c>
    </row>
    <row r="800" spans="2:7" ht="13.5" customHeight="1" x14ac:dyDescent="0.4">
      <c r="B800" s="10" t="s">
        <v>796</v>
      </c>
      <c r="C800" s="10" t="s">
        <v>8</v>
      </c>
      <c r="D800" s="10">
        <v>30</v>
      </c>
      <c r="E800" s="10">
        <v>8</v>
      </c>
      <c r="F800" s="10">
        <v>1</v>
      </c>
      <c r="G800" s="10">
        <v>217</v>
      </c>
    </row>
    <row r="801" spans="2:7" ht="13.5" customHeight="1" x14ac:dyDescent="0.4">
      <c r="B801" s="10" t="s">
        <v>797</v>
      </c>
      <c r="C801" s="10" t="s">
        <v>8</v>
      </c>
      <c r="D801" s="10">
        <v>30</v>
      </c>
      <c r="E801" s="10">
        <v>8</v>
      </c>
      <c r="F801" s="10">
        <v>1</v>
      </c>
      <c r="G801" s="10">
        <v>217</v>
      </c>
    </row>
    <row r="802" spans="2:7" ht="13.5" customHeight="1" x14ac:dyDescent="0.4">
      <c r="B802" s="10" t="s">
        <v>798</v>
      </c>
      <c r="C802" s="10" t="s">
        <v>8</v>
      </c>
      <c r="D802" s="10">
        <v>30</v>
      </c>
      <c r="E802" s="10">
        <v>8</v>
      </c>
      <c r="F802" s="10">
        <v>1</v>
      </c>
      <c r="G802" s="10">
        <v>217</v>
      </c>
    </row>
    <row r="803" spans="2:7" ht="13.5" customHeight="1" x14ac:dyDescent="0.4">
      <c r="B803" s="10" t="s">
        <v>799</v>
      </c>
      <c r="C803" s="10" t="s">
        <v>8</v>
      </c>
      <c r="D803" s="10">
        <v>30</v>
      </c>
      <c r="E803" s="10">
        <v>8</v>
      </c>
      <c r="F803" s="10">
        <v>1</v>
      </c>
      <c r="G803" s="10">
        <v>217</v>
      </c>
    </row>
    <row r="804" spans="2:7" ht="13.5" customHeight="1" x14ac:dyDescent="0.4">
      <c r="B804" s="10" t="s">
        <v>800</v>
      </c>
      <c r="C804" s="10" t="s">
        <v>8</v>
      </c>
      <c r="D804" s="10">
        <v>30</v>
      </c>
      <c r="E804" s="10">
        <v>8</v>
      </c>
      <c r="F804" s="10">
        <v>1</v>
      </c>
      <c r="G804" s="10">
        <v>217</v>
      </c>
    </row>
    <row r="805" spans="2:7" ht="13.5" customHeight="1" x14ac:dyDescent="0.4">
      <c r="B805" s="10" t="s">
        <v>801</v>
      </c>
      <c r="C805" s="10" t="s">
        <v>8</v>
      </c>
      <c r="D805" s="10">
        <v>30</v>
      </c>
      <c r="E805" s="10">
        <v>8</v>
      </c>
      <c r="F805" s="10">
        <v>1</v>
      </c>
      <c r="G805" s="10">
        <v>217</v>
      </c>
    </row>
    <row r="806" spans="2:7" ht="13.5" customHeight="1" x14ac:dyDescent="0.4">
      <c r="B806" s="10" t="s">
        <v>802</v>
      </c>
      <c r="C806" s="10" t="s">
        <v>8</v>
      </c>
      <c r="D806" s="10">
        <v>30</v>
      </c>
      <c r="E806" s="10">
        <v>8</v>
      </c>
      <c r="F806" s="10">
        <v>1</v>
      </c>
      <c r="G806" s="10">
        <v>217</v>
      </c>
    </row>
    <row r="807" spans="2:7" ht="13.5" customHeight="1" x14ac:dyDescent="0.4">
      <c r="B807" s="10" t="s">
        <v>803</v>
      </c>
      <c r="C807" s="10" t="s">
        <v>8</v>
      </c>
      <c r="D807" s="10">
        <v>30</v>
      </c>
      <c r="E807" s="10">
        <v>8</v>
      </c>
      <c r="F807" s="10">
        <v>1</v>
      </c>
      <c r="G807" s="10">
        <v>217</v>
      </c>
    </row>
    <row r="808" spans="2:7" ht="13.5" customHeight="1" x14ac:dyDescent="0.4">
      <c r="B808" s="10" t="s">
        <v>804</v>
      </c>
      <c r="C808" s="10" t="s">
        <v>8</v>
      </c>
      <c r="D808" s="10">
        <v>30</v>
      </c>
      <c r="E808" s="10">
        <v>8</v>
      </c>
      <c r="F808" s="10">
        <v>1</v>
      </c>
      <c r="G808" s="10">
        <v>217</v>
      </c>
    </row>
    <row r="809" spans="2:7" ht="13.5" customHeight="1" x14ac:dyDescent="0.4">
      <c r="B809" s="10" t="s">
        <v>805</v>
      </c>
      <c r="C809" s="10" t="s">
        <v>8</v>
      </c>
      <c r="D809" s="10">
        <v>30</v>
      </c>
      <c r="E809" s="10">
        <v>8</v>
      </c>
      <c r="F809" s="10">
        <v>1</v>
      </c>
      <c r="G809" s="10">
        <v>217</v>
      </c>
    </row>
    <row r="810" spans="2:7" ht="13.5" customHeight="1" x14ac:dyDescent="0.4">
      <c r="B810" s="10" t="s">
        <v>806</v>
      </c>
      <c r="C810" s="10" t="s">
        <v>8</v>
      </c>
      <c r="D810" s="10">
        <v>30</v>
      </c>
      <c r="E810" s="10">
        <v>8</v>
      </c>
      <c r="F810" s="10">
        <v>1</v>
      </c>
      <c r="G810" s="10">
        <v>217</v>
      </c>
    </row>
    <row r="811" spans="2:7" ht="13.5" customHeight="1" x14ac:dyDescent="0.4">
      <c r="B811" s="10" t="s">
        <v>807</v>
      </c>
      <c r="C811" s="10" t="s">
        <v>8</v>
      </c>
      <c r="D811" s="10">
        <v>30</v>
      </c>
      <c r="E811" s="10">
        <v>8</v>
      </c>
      <c r="F811" s="10">
        <v>1</v>
      </c>
      <c r="G811" s="10">
        <v>217</v>
      </c>
    </row>
    <row r="812" spans="2:7" ht="13.5" customHeight="1" x14ac:dyDescent="0.4">
      <c r="B812" s="10" t="s">
        <v>808</v>
      </c>
      <c r="C812" s="10" t="s">
        <v>8</v>
      </c>
      <c r="D812" s="10">
        <v>30</v>
      </c>
      <c r="E812" s="10">
        <v>8</v>
      </c>
      <c r="F812" s="10">
        <v>1</v>
      </c>
      <c r="G812" s="10">
        <v>217</v>
      </c>
    </row>
    <row r="813" spans="2:7" ht="13.5" customHeight="1" x14ac:dyDescent="0.4">
      <c r="B813" s="10" t="s">
        <v>809</v>
      </c>
      <c r="C813" s="10" t="s">
        <v>8</v>
      </c>
      <c r="D813" s="10">
        <v>30</v>
      </c>
      <c r="E813" s="10">
        <v>8</v>
      </c>
      <c r="F813" s="10">
        <v>1</v>
      </c>
      <c r="G813" s="10">
        <v>217</v>
      </c>
    </row>
    <row r="814" spans="2:7" ht="13.5" customHeight="1" x14ac:dyDescent="0.4">
      <c r="B814" s="10" t="s">
        <v>810</v>
      </c>
      <c r="C814" s="10" t="s">
        <v>8</v>
      </c>
      <c r="D814" s="10">
        <v>30</v>
      </c>
      <c r="E814" s="10">
        <v>8</v>
      </c>
      <c r="F814" s="10">
        <v>1</v>
      </c>
      <c r="G814" s="10">
        <v>217</v>
      </c>
    </row>
    <row r="815" spans="2:7" ht="13.5" customHeight="1" x14ac:dyDescent="0.4">
      <c r="B815" s="10" t="s">
        <v>811</v>
      </c>
      <c r="C815" s="10" t="s">
        <v>8</v>
      </c>
      <c r="D815" s="10">
        <v>30</v>
      </c>
      <c r="E815" s="10">
        <v>8</v>
      </c>
      <c r="F815" s="10">
        <v>1</v>
      </c>
      <c r="G815" s="10">
        <v>217</v>
      </c>
    </row>
    <row r="816" spans="2:7" ht="13.5" customHeight="1" x14ac:dyDescent="0.4">
      <c r="B816" s="10" t="s">
        <v>812</v>
      </c>
      <c r="C816" s="10" t="s">
        <v>8</v>
      </c>
      <c r="D816" s="10">
        <v>30</v>
      </c>
      <c r="E816" s="10">
        <v>8</v>
      </c>
      <c r="F816" s="10">
        <v>1</v>
      </c>
      <c r="G816" s="10">
        <v>217</v>
      </c>
    </row>
    <row r="817" spans="2:7" ht="13.5" customHeight="1" x14ac:dyDescent="0.4">
      <c r="B817" s="10" t="s">
        <v>813</v>
      </c>
      <c r="C817" s="10" t="s">
        <v>8</v>
      </c>
      <c r="D817" s="10">
        <v>30</v>
      </c>
      <c r="E817" s="10">
        <v>8</v>
      </c>
      <c r="F817" s="10">
        <v>1</v>
      </c>
      <c r="G817" s="10">
        <v>217</v>
      </c>
    </row>
    <row r="818" spans="2:7" ht="13.5" customHeight="1" x14ac:dyDescent="0.4">
      <c r="B818" s="10" t="s">
        <v>814</v>
      </c>
      <c r="C818" s="10" t="s">
        <v>8</v>
      </c>
      <c r="D818" s="10">
        <v>30</v>
      </c>
      <c r="E818" s="10">
        <v>8</v>
      </c>
      <c r="F818" s="10">
        <v>1</v>
      </c>
      <c r="G818" s="10">
        <v>217</v>
      </c>
    </row>
    <row r="819" spans="2:7" ht="13.5" customHeight="1" x14ac:dyDescent="0.4">
      <c r="B819" s="10" t="s">
        <v>815</v>
      </c>
      <c r="C819" s="10" t="s">
        <v>8</v>
      </c>
      <c r="D819" s="10">
        <v>30</v>
      </c>
      <c r="E819" s="10">
        <v>8</v>
      </c>
      <c r="F819" s="10">
        <v>1</v>
      </c>
      <c r="G819" s="10">
        <v>217</v>
      </c>
    </row>
    <row r="820" spans="2:7" ht="13.5" customHeight="1" x14ac:dyDescent="0.4">
      <c r="B820" s="10" t="s">
        <v>816</v>
      </c>
      <c r="C820" s="10" t="s">
        <v>8</v>
      </c>
      <c r="D820" s="10">
        <v>30</v>
      </c>
      <c r="E820" s="10">
        <v>8</v>
      </c>
      <c r="F820" s="10">
        <v>1</v>
      </c>
      <c r="G820" s="10">
        <v>217</v>
      </c>
    </row>
    <row r="821" spans="2:7" ht="13.5" customHeight="1" x14ac:dyDescent="0.4">
      <c r="B821" s="10" t="s">
        <v>817</v>
      </c>
      <c r="C821" s="10" t="s">
        <v>8</v>
      </c>
      <c r="D821" s="10">
        <v>30</v>
      </c>
      <c r="E821" s="10">
        <v>8</v>
      </c>
      <c r="F821" s="10">
        <v>1</v>
      </c>
      <c r="G821" s="10">
        <v>217</v>
      </c>
    </row>
    <row r="822" spans="2:7" ht="13.5" customHeight="1" x14ac:dyDescent="0.4">
      <c r="B822" s="10" t="s">
        <v>818</v>
      </c>
      <c r="C822" s="10" t="s">
        <v>8</v>
      </c>
      <c r="D822" s="10">
        <v>30</v>
      </c>
      <c r="E822" s="10">
        <v>8</v>
      </c>
      <c r="F822" s="10">
        <v>1</v>
      </c>
      <c r="G822" s="10">
        <v>217</v>
      </c>
    </row>
    <row r="823" spans="2:7" ht="13.5" customHeight="1" x14ac:dyDescent="0.4">
      <c r="B823" s="10" t="s">
        <v>819</v>
      </c>
      <c r="C823" s="10" t="s">
        <v>8</v>
      </c>
      <c r="D823" s="10">
        <v>30</v>
      </c>
      <c r="E823" s="10">
        <v>9</v>
      </c>
      <c r="F823" s="10">
        <v>1</v>
      </c>
      <c r="G823" s="10">
        <v>218</v>
      </c>
    </row>
    <row r="824" spans="2:7" ht="13.5" customHeight="1" x14ac:dyDescent="0.4">
      <c r="B824" s="10" t="s">
        <v>820</v>
      </c>
      <c r="C824" s="10" t="s">
        <v>8</v>
      </c>
      <c r="D824" s="10">
        <v>30</v>
      </c>
      <c r="E824" s="10">
        <v>9</v>
      </c>
      <c r="F824" s="10">
        <v>1</v>
      </c>
      <c r="G824" s="10">
        <v>218</v>
      </c>
    </row>
    <row r="825" spans="2:7" ht="13.5" customHeight="1" x14ac:dyDescent="0.4">
      <c r="B825" s="10" t="s">
        <v>821</v>
      </c>
      <c r="C825" s="10" t="s">
        <v>8</v>
      </c>
      <c r="D825" s="10">
        <v>30</v>
      </c>
      <c r="E825" s="10">
        <v>9</v>
      </c>
      <c r="F825" s="10">
        <v>1</v>
      </c>
      <c r="G825" s="10">
        <v>218</v>
      </c>
    </row>
    <row r="826" spans="2:7" ht="13.5" customHeight="1" x14ac:dyDescent="0.4">
      <c r="B826" s="10" t="s">
        <v>822</v>
      </c>
      <c r="C826" s="10" t="s">
        <v>8</v>
      </c>
      <c r="D826" s="10">
        <v>30</v>
      </c>
      <c r="E826" s="10">
        <v>9</v>
      </c>
      <c r="F826" s="10">
        <v>1</v>
      </c>
      <c r="G826" s="10">
        <v>218</v>
      </c>
    </row>
    <row r="827" spans="2:7" ht="13.5" customHeight="1" x14ac:dyDescent="0.4">
      <c r="B827" s="10" t="s">
        <v>823</v>
      </c>
      <c r="C827" s="10" t="s">
        <v>8</v>
      </c>
      <c r="D827" s="10">
        <v>30</v>
      </c>
      <c r="E827" s="10">
        <v>9</v>
      </c>
      <c r="F827" s="10">
        <v>1</v>
      </c>
      <c r="G827" s="10">
        <v>218</v>
      </c>
    </row>
    <row r="828" spans="2:7" ht="13.5" customHeight="1" x14ac:dyDescent="0.4">
      <c r="B828" s="10" t="s">
        <v>824</v>
      </c>
      <c r="C828" s="10" t="s">
        <v>8</v>
      </c>
      <c r="D828" s="10">
        <v>30</v>
      </c>
      <c r="E828" s="10">
        <v>9</v>
      </c>
      <c r="F828" s="10">
        <v>1</v>
      </c>
      <c r="G828" s="10">
        <v>218</v>
      </c>
    </row>
    <row r="829" spans="2:7" ht="13.5" customHeight="1" x14ac:dyDescent="0.4">
      <c r="B829" s="10" t="s">
        <v>825</v>
      </c>
      <c r="C829" s="10" t="s">
        <v>8</v>
      </c>
      <c r="D829" s="10">
        <v>30</v>
      </c>
      <c r="E829" s="10">
        <v>9</v>
      </c>
      <c r="F829" s="10">
        <v>1</v>
      </c>
      <c r="G829" s="10">
        <v>218</v>
      </c>
    </row>
    <row r="830" spans="2:7" ht="13.5" customHeight="1" x14ac:dyDescent="0.4">
      <c r="B830" s="10" t="s">
        <v>826</v>
      </c>
      <c r="C830" s="10" t="s">
        <v>8</v>
      </c>
      <c r="D830" s="10">
        <v>30</v>
      </c>
      <c r="E830" s="10">
        <v>9</v>
      </c>
      <c r="F830" s="10">
        <v>1</v>
      </c>
      <c r="G830" s="10">
        <v>218</v>
      </c>
    </row>
    <row r="831" spans="2:7" ht="13.5" customHeight="1" x14ac:dyDescent="0.4">
      <c r="B831" s="10" t="s">
        <v>827</v>
      </c>
      <c r="C831" s="10" t="s">
        <v>8</v>
      </c>
      <c r="D831" s="10">
        <v>30</v>
      </c>
      <c r="E831" s="10">
        <v>9</v>
      </c>
      <c r="F831" s="10">
        <v>1</v>
      </c>
      <c r="G831" s="10">
        <v>218</v>
      </c>
    </row>
    <row r="832" spans="2:7" ht="13.5" customHeight="1" x14ac:dyDescent="0.4">
      <c r="B832" s="10" t="s">
        <v>828</v>
      </c>
      <c r="C832" s="10" t="s">
        <v>8</v>
      </c>
      <c r="D832" s="10">
        <v>30</v>
      </c>
      <c r="E832" s="10">
        <v>9</v>
      </c>
      <c r="F832" s="10">
        <v>1</v>
      </c>
      <c r="G832" s="10">
        <v>218</v>
      </c>
    </row>
    <row r="833" spans="2:7" ht="13.5" customHeight="1" x14ac:dyDescent="0.4">
      <c r="B833" s="10" t="s">
        <v>829</v>
      </c>
      <c r="C833" s="10" t="s">
        <v>8</v>
      </c>
      <c r="D833" s="10">
        <v>30</v>
      </c>
      <c r="E833" s="10">
        <v>9</v>
      </c>
      <c r="F833" s="10">
        <v>1</v>
      </c>
      <c r="G833" s="10">
        <v>218</v>
      </c>
    </row>
    <row r="834" spans="2:7" ht="13.5" customHeight="1" x14ac:dyDescent="0.4">
      <c r="B834" s="10" t="s">
        <v>830</v>
      </c>
      <c r="C834" s="10" t="s">
        <v>8</v>
      </c>
      <c r="D834" s="10">
        <v>30</v>
      </c>
      <c r="E834" s="10">
        <v>9</v>
      </c>
      <c r="F834" s="10">
        <v>1</v>
      </c>
      <c r="G834" s="10">
        <v>218</v>
      </c>
    </row>
    <row r="835" spans="2:7" ht="13.5" customHeight="1" x14ac:dyDescent="0.4">
      <c r="B835" s="10" t="s">
        <v>831</v>
      </c>
      <c r="C835" s="10" t="s">
        <v>8</v>
      </c>
      <c r="D835" s="10">
        <v>30</v>
      </c>
      <c r="E835" s="10">
        <v>9</v>
      </c>
      <c r="F835" s="10">
        <v>1</v>
      </c>
      <c r="G835" s="10">
        <v>218</v>
      </c>
    </row>
    <row r="836" spans="2:7" ht="13.5" customHeight="1" x14ac:dyDescent="0.4">
      <c r="B836" s="10" t="s">
        <v>832</v>
      </c>
      <c r="C836" s="10" t="s">
        <v>8</v>
      </c>
      <c r="D836" s="10">
        <v>30</v>
      </c>
      <c r="E836" s="10">
        <v>9</v>
      </c>
      <c r="F836" s="10">
        <v>1</v>
      </c>
      <c r="G836" s="10">
        <v>218</v>
      </c>
    </row>
    <row r="837" spans="2:7" ht="13.5" customHeight="1" x14ac:dyDescent="0.4">
      <c r="B837" s="10" t="s">
        <v>833</v>
      </c>
      <c r="C837" s="10" t="s">
        <v>8</v>
      </c>
      <c r="D837" s="10">
        <v>30</v>
      </c>
      <c r="E837" s="10">
        <v>9</v>
      </c>
      <c r="F837" s="10">
        <v>1</v>
      </c>
      <c r="G837" s="10">
        <v>218</v>
      </c>
    </row>
    <row r="838" spans="2:7" ht="13.5" customHeight="1" x14ac:dyDescent="0.4">
      <c r="B838" s="10" t="s">
        <v>834</v>
      </c>
      <c r="C838" s="10" t="s">
        <v>8</v>
      </c>
      <c r="D838" s="10">
        <v>30</v>
      </c>
      <c r="E838" s="10">
        <v>9</v>
      </c>
      <c r="F838" s="10">
        <v>1</v>
      </c>
      <c r="G838" s="10">
        <v>218</v>
      </c>
    </row>
    <row r="839" spans="2:7" ht="13.5" customHeight="1" x14ac:dyDescent="0.4">
      <c r="B839" s="10" t="s">
        <v>835</v>
      </c>
      <c r="C839" s="10" t="s">
        <v>8</v>
      </c>
      <c r="D839" s="10">
        <v>30</v>
      </c>
      <c r="E839" s="10">
        <v>9</v>
      </c>
      <c r="F839" s="10">
        <v>1</v>
      </c>
      <c r="G839" s="10">
        <v>218</v>
      </c>
    </row>
    <row r="840" spans="2:7" ht="13.5" customHeight="1" x14ac:dyDescent="0.4">
      <c r="B840" s="10" t="s">
        <v>836</v>
      </c>
      <c r="C840" s="10" t="s">
        <v>8</v>
      </c>
      <c r="D840" s="10">
        <v>30</v>
      </c>
      <c r="E840" s="10">
        <v>9</v>
      </c>
      <c r="F840" s="10">
        <v>1</v>
      </c>
      <c r="G840" s="10">
        <v>218</v>
      </c>
    </row>
    <row r="841" spans="2:7" ht="13.5" customHeight="1" x14ac:dyDescent="0.4">
      <c r="B841" s="10" t="s">
        <v>837</v>
      </c>
      <c r="C841" s="10" t="s">
        <v>8</v>
      </c>
      <c r="D841" s="10">
        <v>30</v>
      </c>
      <c r="E841" s="10">
        <v>9</v>
      </c>
      <c r="F841" s="10">
        <v>1</v>
      </c>
      <c r="G841" s="10">
        <v>218</v>
      </c>
    </row>
    <row r="842" spans="2:7" ht="13.5" customHeight="1" x14ac:dyDescent="0.4">
      <c r="B842" s="10" t="s">
        <v>838</v>
      </c>
      <c r="C842" s="10" t="s">
        <v>8</v>
      </c>
      <c r="D842" s="10">
        <v>30</v>
      </c>
      <c r="E842" s="10">
        <v>9</v>
      </c>
      <c r="F842" s="10">
        <v>1</v>
      </c>
      <c r="G842" s="10">
        <v>218</v>
      </c>
    </row>
    <row r="843" spans="2:7" ht="13.5" customHeight="1" x14ac:dyDescent="0.4">
      <c r="B843" s="10" t="s">
        <v>839</v>
      </c>
      <c r="C843" s="10" t="s">
        <v>8</v>
      </c>
      <c r="D843" s="10">
        <v>30</v>
      </c>
      <c r="E843" s="10">
        <v>9</v>
      </c>
      <c r="F843" s="10">
        <v>1</v>
      </c>
      <c r="G843" s="10">
        <v>218</v>
      </c>
    </row>
    <row r="844" spans="2:7" ht="13.5" customHeight="1" x14ac:dyDescent="0.4">
      <c r="B844" s="10" t="s">
        <v>840</v>
      </c>
      <c r="C844" s="10" t="s">
        <v>8</v>
      </c>
      <c r="D844" s="10">
        <v>30</v>
      </c>
      <c r="E844" s="10">
        <v>9</v>
      </c>
      <c r="F844" s="10">
        <v>1</v>
      </c>
      <c r="G844" s="10">
        <v>218</v>
      </c>
    </row>
    <row r="845" spans="2:7" ht="13.5" customHeight="1" x14ac:dyDescent="0.4">
      <c r="B845" s="10" t="s">
        <v>841</v>
      </c>
      <c r="C845" s="10" t="s">
        <v>8</v>
      </c>
      <c r="D845" s="10">
        <v>30</v>
      </c>
      <c r="E845" s="10">
        <v>9</v>
      </c>
      <c r="F845" s="10">
        <v>1</v>
      </c>
      <c r="G845" s="10">
        <v>218</v>
      </c>
    </row>
    <row r="846" spans="2:7" ht="13.5" customHeight="1" x14ac:dyDescent="0.4">
      <c r="B846" s="10" t="s">
        <v>842</v>
      </c>
      <c r="C846" s="10" t="s">
        <v>8</v>
      </c>
      <c r="D846" s="10">
        <v>30</v>
      </c>
      <c r="E846" s="10">
        <v>9</v>
      </c>
      <c r="F846" s="10">
        <v>1</v>
      </c>
      <c r="G846" s="10">
        <v>218</v>
      </c>
    </row>
    <row r="847" spans="2:7" ht="13.5" customHeight="1" x14ac:dyDescent="0.4">
      <c r="B847" s="10" t="s">
        <v>843</v>
      </c>
      <c r="C847" s="10" t="s">
        <v>8</v>
      </c>
      <c r="D847" s="10">
        <v>30</v>
      </c>
      <c r="E847" s="10">
        <v>9</v>
      </c>
      <c r="F847" s="10">
        <v>1</v>
      </c>
      <c r="G847" s="10">
        <v>218</v>
      </c>
    </row>
    <row r="848" spans="2:7" ht="13.5" customHeight="1" x14ac:dyDescent="0.4">
      <c r="B848" s="10" t="s">
        <v>844</v>
      </c>
      <c r="C848" s="10" t="s">
        <v>8</v>
      </c>
      <c r="D848" s="10">
        <v>30</v>
      </c>
      <c r="E848" s="10">
        <v>9</v>
      </c>
      <c r="F848" s="10">
        <v>1</v>
      </c>
      <c r="G848" s="10">
        <v>218</v>
      </c>
    </row>
    <row r="849" spans="2:7" ht="13.5" customHeight="1" x14ac:dyDescent="0.4">
      <c r="B849" s="10" t="s">
        <v>845</v>
      </c>
      <c r="C849" s="10" t="s">
        <v>8</v>
      </c>
      <c r="D849" s="10">
        <v>30</v>
      </c>
      <c r="E849" s="10">
        <v>9</v>
      </c>
      <c r="F849" s="10">
        <v>1</v>
      </c>
      <c r="G849" s="10">
        <v>218</v>
      </c>
    </row>
    <row r="850" spans="2:7" ht="13.5" customHeight="1" x14ac:dyDescent="0.4">
      <c r="B850" s="10" t="s">
        <v>846</v>
      </c>
      <c r="C850" s="10" t="s">
        <v>8</v>
      </c>
      <c r="D850" s="10">
        <v>30</v>
      </c>
      <c r="E850" s="10">
        <v>9</v>
      </c>
      <c r="F850" s="10">
        <v>1</v>
      </c>
      <c r="G850" s="10">
        <v>218</v>
      </c>
    </row>
    <row r="851" spans="2:7" ht="13.5" customHeight="1" x14ac:dyDescent="0.4">
      <c r="B851" s="10" t="s">
        <v>847</v>
      </c>
      <c r="C851" s="10" t="s">
        <v>8</v>
      </c>
      <c r="D851" s="10">
        <v>30</v>
      </c>
      <c r="E851" s="10">
        <v>9</v>
      </c>
      <c r="F851" s="10">
        <v>1</v>
      </c>
      <c r="G851" s="10">
        <v>218</v>
      </c>
    </row>
    <row r="852" spans="2:7" ht="13.5" customHeight="1" x14ac:dyDescent="0.4">
      <c r="B852" s="10" t="s">
        <v>848</v>
      </c>
      <c r="C852" s="10" t="s">
        <v>8</v>
      </c>
      <c r="D852" s="10">
        <v>30</v>
      </c>
      <c r="E852" s="10">
        <v>9</v>
      </c>
      <c r="F852" s="10">
        <v>1</v>
      </c>
      <c r="G852" s="10">
        <v>218</v>
      </c>
    </row>
    <row r="853" spans="2:7" ht="13.5" customHeight="1" x14ac:dyDescent="0.4">
      <c r="B853" s="10" t="s">
        <v>849</v>
      </c>
      <c r="C853" s="10" t="s">
        <v>8</v>
      </c>
      <c r="D853" s="10">
        <v>30</v>
      </c>
      <c r="E853" s="10">
        <v>9</v>
      </c>
      <c r="F853" s="10">
        <v>1</v>
      </c>
      <c r="G853" s="10">
        <v>218</v>
      </c>
    </row>
    <row r="854" spans="2:7" ht="13.5" customHeight="1" x14ac:dyDescent="0.4">
      <c r="B854" s="10" t="s">
        <v>850</v>
      </c>
      <c r="C854" s="10" t="s">
        <v>8</v>
      </c>
      <c r="D854" s="10">
        <v>30</v>
      </c>
      <c r="E854" s="10">
        <v>9</v>
      </c>
      <c r="F854" s="10">
        <v>1</v>
      </c>
      <c r="G854" s="10">
        <v>218</v>
      </c>
    </row>
    <row r="855" spans="2:7" ht="13.5" customHeight="1" x14ac:dyDescent="0.4">
      <c r="B855" s="10" t="s">
        <v>851</v>
      </c>
      <c r="C855" s="10" t="s">
        <v>8</v>
      </c>
      <c r="D855" s="10">
        <v>30</v>
      </c>
      <c r="E855" s="10">
        <v>9</v>
      </c>
      <c r="F855" s="10">
        <v>1</v>
      </c>
      <c r="G855" s="10">
        <v>218</v>
      </c>
    </row>
    <row r="856" spans="2:7" ht="13.5" customHeight="1" x14ac:dyDescent="0.4">
      <c r="B856" s="10" t="s">
        <v>852</v>
      </c>
      <c r="C856" s="10" t="s">
        <v>8</v>
      </c>
      <c r="D856" s="10">
        <v>30</v>
      </c>
      <c r="E856" s="10">
        <v>9</v>
      </c>
      <c r="F856" s="10">
        <v>1</v>
      </c>
      <c r="G856" s="10">
        <v>218</v>
      </c>
    </row>
    <row r="857" spans="2:7" ht="13.5" customHeight="1" x14ac:dyDescent="0.4">
      <c r="B857" s="10" t="s">
        <v>853</v>
      </c>
      <c r="C857" s="10" t="s">
        <v>8</v>
      </c>
      <c r="D857" s="10">
        <v>30</v>
      </c>
      <c r="E857" s="10">
        <v>9</v>
      </c>
      <c r="F857" s="10">
        <v>1</v>
      </c>
      <c r="G857" s="10">
        <v>218</v>
      </c>
    </row>
    <row r="858" spans="2:7" ht="13.5" customHeight="1" x14ac:dyDescent="0.4">
      <c r="B858" s="10" t="s">
        <v>854</v>
      </c>
      <c r="C858" s="10" t="s">
        <v>8</v>
      </c>
      <c r="D858" s="10">
        <v>30</v>
      </c>
      <c r="E858" s="10">
        <v>9</v>
      </c>
      <c r="F858" s="10">
        <v>1</v>
      </c>
      <c r="G858" s="10">
        <v>218</v>
      </c>
    </row>
    <row r="859" spans="2:7" ht="13.5" customHeight="1" x14ac:dyDescent="0.4">
      <c r="B859" s="10" t="s">
        <v>855</v>
      </c>
      <c r="C859" s="10" t="s">
        <v>8</v>
      </c>
      <c r="D859" s="10">
        <v>30</v>
      </c>
      <c r="E859" s="10">
        <v>9</v>
      </c>
      <c r="F859" s="10">
        <v>1</v>
      </c>
      <c r="G859" s="10">
        <v>218</v>
      </c>
    </row>
    <row r="860" spans="2:7" ht="13.5" customHeight="1" x14ac:dyDescent="0.4">
      <c r="B860" s="10" t="s">
        <v>856</v>
      </c>
      <c r="C860" s="10" t="s">
        <v>8</v>
      </c>
      <c r="D860" s="10">
        <v>30</v>
      </c>
      <c r="E860" s="10">
        <v>9</v>
      </c>
      <c r="F860" s="10">
        <v>1</v>
      </c>
      <c r="G860" s="10">
        <v>218</v>
      </c>
    </row>
    <row r="861" spans="2:7" ht="13.5" customHeight="1" x14ac:dyDescent="0.4">
      <c r="B861" s="10" t="s">
        <v>857</v>
      </c>
      <c r="C861" s="10" t="s">
        <v>8</v>
      </c>
      <c r="D861" s="10">
        <v>30</v>
      </c>
      <c r="E861" s="10">
        <v>9</v>
      </c>
      <c r="F861" s="10">
        <v>1</v>
      </c>
      <c r="G861" s="10">
        <v>218</v>
      </c>
    </row>
    <row r="862" spans="2:7" ht="13.5" customHeight="1" x14ac:dyDescent="0.4">
      <c r="B862" s="10" t="s">
        <v>858</v>
      </c>
      <c r="C862" s="10" t="s">
        <v>8</v>
      </c>
      <c r="D862" s="10">
        <v>30</v>
      </c>
      <c r="E862" s="10">
        <v>9</v>
      </c>
      <c r="F862" s="10">
        <v>1</v>
      </c>
      <c r="G862" s="10">
        <v>218</v>
      </c>
    </row>
    <row r="863" spans="2:7" ht="13.5" customHeight="1" x14ac:dyDescent="0.4">
      <c r="B863" s="10" t="s">
        <v>859</v>
      </c>
      <c r="C863" s="10" t="s">
        <v>8</v>
      </c>
      <c r="D863" s="10">
        <v>30</v>
      </c>
      <c r="E863" s="10">
        <v>9</v>
      </c>
      <c r="F863" s="10">
        <v>1</v>
      </c>
      <c r="G863" s="10">
        <v>218</v>
      </c>
    </row>
    <row r="864" spans="2:7" ht="13.5" customHeight="1" x14ac:dyDescent="0.4">
      <c r="B864" s="10" t="s">
        <v>860</v>
      </c>
      <c r="C864" s="10" t="s">
        <v>8</v>
      </c>
      <c r="D864" s="10">
        <v>30</v>
      </c>
      <c r="E864" s="10">
        <v>9</v>
      </c>
      <c r="F864" s="10">
        <v>1</v>
      </c>
      <c r="G864" s="10">
        <v>218</v>
      </c>
    </row>
    <row r="865" spans="2:7" ht="13.5" customHeight="1" x14ac:dyDescent="0.4">
      <c r="B865" s="10" t="s">
        <v>861</v>
      </c>
      <c r="C865" s="10" t="s">
        <v>8</v>
      </c>
      <c r="D865" s="10">
        <v>30</v>
      </c>
      <c r="E865" s="10">
        <v>9</v>
      </c>
      <c r="F865" s="10">
        <v>1</v>
      </c>
      <c r="G865" s="10">
        <v>218</v>
      </c>
    </row>
    <row r="866" spans="2:7" ht="13.5" customHeight="1" x14ac:dyDescent="0.4">
      <c r="B866" s="10" t="s">
        <v>862</v>
      </c>
      <c r="C866" s="10" t="s">
        <v>8</v>
      </c>
      <c r="D866" s="10">
        <v>30</v>
      </c>
      <c r="E866" s="10">
        <v>9</v>
      </c>
      <c r="F866" s="10">
        <v>1</v>
      </c>
      <c r="G866" s="10">
        <v>218</v>
      </c>
    </row>
    <row r="867" spans="2:7" ht="13.5" customHeight="1" x14ac:dyDescent="0.4">
      <c r="B867" s="10" t="s">
        <v>863</v>
      </c>
      <c r="C867" s="10" t="s">
        <v>8</v>
      </c>
      <c r="D867" s="10">
        <v>30</v>
      </c>
      <c r="E867" s="10">
        <v>9</v>
      </c>
      <c r="F867" s="10">
        <v>1</v>
      </c>
      <c r="G867" s="10">
        <v>218</v>
      </c>
    </row>
    <row r="868" spans="2:7" ht="13.5" customHeight="1" x14ac:dyDescent="0.4">
      <c r="B868" s="10" t="s">
        <v>864</v>
      </c>
      <c r="C868" s="10" t="s">
        <v>8</v>
      </c>
      <c r="D868" s="10">
        <v>30</v>
      </c>
      <c r="E868" s="10">
        <v>9</v>
      </c>
      <c r="F868" s="10">
        <v>1</v>
      </c>
      <c r="G868" s="10">
        <v>218</v>
      </c>
    </row>
    <row r="869" spans="2:7" ht="13.5" customHeight="1" x14ac:dyDescent="0.4">
      <c r="B869" s="10" t="s">
        <v>865</v>
      </c>
      <c r="C869" s="10" t="s">
        <v>8</v>
      </c>
      <c r="D869" s="10">
        <v>30</v>
      </c>
      <c r="E869" s="10">
        <v>9</v>
      </c>
      <c r="F869" s="10">
        <v>1</v>
      </c>
      <c r="G869" s="10">
        <v>218</v>
      </c>
    </row>
    <row r="870" spans="2:7" ht="13.5" customHeight="1" x14ac:dyDescent="0.4">
      <c r="B870" s="10" t="s">
        <v>866</v>
      </c>
      <c r="C870" s="10" t="s">
        <v>8</v>
      </c>
      <c r="D870" s="10">
        <v>30</v>
      </c>
      <c r="E870" s="10">
        <v>9</v>
      </c>
      <c r="F870" s="10">
        <v>1</v>
      </c>
      <c r="G870" s="10">
        <v>218</v>
      </c>
    </row>
    <row r="871" spans="2:7" ht="13.5" customHeight="1" x14ac:dyDescent="0.4">
      <c r="B871" s="10" t="s">
        <v>867</v>
      </c>
      <c r="C871" s="10" t="s">
        <v>8</v>
      </c>
      <c r="D871" s="10">
        <v>30</v>
      </c>
      <c r="E871" s="10">
        <v>9</v>
      </c>
      <c r="F871" s="10">
        <v>1</v>
      </c>
      <c r="G871" s="10">
        <v>218</v>
      </c>
    </row>
    <row r="872" spans="2:7" ht="13.5" customHeight="1" x14ac:dyDescent="0.4">
      <c r="B872" s="10" t="s">
        <v>868</v>
      </c>
      <c r="C872" s="10" t="s">
        <v>8</v>
      </c>
      <c r="D872" s="10">
        <v>30</v>
      </c>
      <c r="E872" s="10">
        <v>9</v>
      </c>
      <c r="F872" s="10">
        <v>1</v>
      </c>
      <c r="G872" s="10">
        <v>218</v>
      </c>
    </row>
    <row r="873" spans="2:7" ht="13.5" customHeight="1" x14ac:dyDescent="0.4">
      <c r="B873" s="10" t="s">
        <v>869</v>
      </c>
      <c r="C873" s="10" t="s">
        <v>8</v>
      </c>
      <c r="D873" s="10">
        <v>30</v>
      </c>
      <c r="E873" s="10">
        <v>9</v>
      </c>
      <c r="F873" s="10">
        <v>1</v>
      </c>
      <c r="G873" s="10">
        <v>218</v>
      </c>
    </row>
    <row r="874" spans="2:7" ht="13.5" customHeight="1" x14ac:dyDescent="0.4">
      <c r="B874" s="10" t="s">
        <v>870</v>
      </c>
      <c r="C874" s="10" t="s">
        <v>8</v>
      </c>
      <c r="D874" s="10">
        <v>30</v>
      </c>
      <c r="E874" s="10">
        <v>9</v>
      </c>
      <c r="F874" s="10">
        <v>1</v>
      </c>
      <c r="G874" s="10">
        <v>218</v>
      </c>
    </row>
    <row r="875" spans="2:7" ht="13.5" customHeight="1" x14ac:dyDescent="0.4">
      <c r="B875" s="10" t="s">
        <v>871</v>
      </c>
      <c r="C875" s="10" t="s">
        <v>8</v>
      </c>
      <c r="D875" s="10">
        <v>30</v>
      </c>
      <c r="E875" s="10">
        <v>9</v>
      </c>
      <c r="F875" s="10">
        <v>1</v>
      </c>
      <c r="G875" s="10">
        <v>218</v>
      </c>
    </row>
    <row r="876" spans="2:7" ht="13.5" customHeight="1" x14ac:dyDescent="0.4">
      <c r="B876" s="10" t="s">
        <v>872</v>
      </c>
      <c r="C876" s="10" t="s">
        <v>8</v>
      </c>
      <c r="D876" s="10">
        <v>30</v>
      </c>
      <c r="E876" s="10">
        <v>9</v>
      </c>
      <c r="F876" s="10">
        <v>1</v>
      </c>
      <c r="G876" s="10">
        <v>218</v>
      </c>
    </row>
    <row r="877" spans="2:7" ht="13.5" customHeight="1" x14ac:dyDescent="0.4">
      <c r="B877" s="10" t="s">
        <v>873</v>
      </c>
      <c r="C877" s="10" t="s">
        <v>8</v>
      </c>
      <c r="D877" s="10">
        <v>30</v>
      </c>
      <c r="E877" s="10">
        <v>9</v>
      </c>
      <c r="F877" s="10">
        <v>1</v>
      </c>
      <c r="G877" s="10">
        <v>218</v>
      </c>
    </row>
    <row r="878" spans="2:7" ht="13.5" customHeight="1" x14ac:dyDescent="0.4">
      <c r="B878" s="10" t="s">
        <v>874</v>
      </c>
      <c r="C878" s="10" t="s">
        <v>8</v>
      </c>
      <c r="D878" s="10">
        <v>30</v>
      </c>
      <c r="E878" s="10">
        <v>9</v>
      </c>
      <c r="F878" s="10">
        <v>1</v>
      </c>
      <c r="G878" s="10">
        <v>218</v>
      </c>
    </row>
    <row r="879" spans="2:7" ht="13.5" customHeight="1" x14ac:dyDescent="0.4">
      <c r="B879" s="10" t="s">
        <v>875</v>
      </c>
      <c r="C879" s="10" t="s">
        <v>8</v>
      </c>
      <c r="D879" s="10">
        <v>30</v>
      </c>
      <c r="E879" s="10">
        <v>9</v>
      </c>
      <c r="F879" s="10">
        <v>1</v>
      </c>
      <c r="G879" s="10">
        <v>218</v>
      </c>
    </row>
    <row r="880" spans="2:7" ht="13.5" customHeight="1" x14ac:dyDescent="0.4">
      <c r="B880" s="10" t="s">
        <v>876</v>
      </c>
      <c r="C880" s="10" t="s">
        <v>8</v>
      </c>
      <c r="D880" s="10">
        <v>30</v>
      </c>
      <c r="E880" s="10">
        <v>9</v>
      </c>
      <c r="F880" s="10">
        <v>1</v>
      </c>
      <c r="G880" s="10">
        <v>218</v>
      </c>
    </row>
    <row r="881" spans="2:7" ht="13.5" customHeight="1" x14ac:dyDescent="0.4">
      <c r="B881" s="10" t="s">
        <v>877</v>
      </c>
      <c r="C881" s="10" t="s">
        <v>8</v>
      </c>
      <c r="D881" s="10">
        <v>30</v>
      </c>
      <c r="E881" s="10">
        <v>9</v>
      </c>
      <c r="F881" s="10">
        <v>1</v>
      </c>
      <c r="G881" s="10">
        <v>218</v>
      </c>
    </row>
    <row r="882" spans="2:7" ht="13.5" customHeight="1" x14ac:dyDescent="0.4">
      <c r="B882" s="10" t="s">
        <v>878</v>
      </c>
      <c r="C882" s="10" t="s">
        <v>8</v>
      </c>
      <c r="D882" s="10">
        <v>30</v>
      </c>
      <c r="E882" s="10">
        <v>9</v>
      </c>
      <c r="F882" s="10">
        <v>1</v>
      </c>
      <c r="G882" s="10">
        <v>218</v>
      </c>
    </row>
    <row r="883" spans="2:7" ht="13.5" customHeight="1" x14ac:dyDescent="0.4">
      <c r="B883" s="10" t="s">
        <v>879</v>
      </c>
      <c r="C883" s="10" t="s">
        <v>8</v>
      </c>
      <c r="D883" s="10">
        <v>30</v>
      </c>
      <c r="E883" s="10">
        <v>9</v>
      </c>
      <c r="F883" s="10">
        <v>1</v>
      </c>
      <c r="G883" s="10">
        <v>218</v>
      </c>
    </row>
    <row r="884" spans="2:7" ht="13.5" customHeight="1" x14ac:dyDescent="0.4">
      <c r="B884" s="10" t="s">
        <v>880</v>
      </c>
      <c r="C884" s="10" t="s">
        <v>8</v>
      </c>
      <c r="D884" s="10">
        <v>30</v>
      </c>
      <c r="E884" s="10">
        <v>9</v>
      </c>
      <c r="F884" s="10">
        <v>1</v>
      </c>
      <c r="G884" s="10">
        <v>218</v>
      </c>
    </row>
    <row r="885" spans="2:7" ht="13.5" customHeight="1" x14ac:dyDescent="0.4">
      <c r="B885" s="10" t="s">
        <v>881</v>
      </c>
      <c r="C885" s="10" t="s">
        <v>8</v>
      </c>
      <c r="D885" s="10">
        <v>30</v>
      </c>
      <c r="E885" s="10">
        <v>9</v>
      </c>
      <c r="F885" s="10">
        <v>1</v>
      </c>
      <c r="G885" s="10">
        <v>218</v>
      </c>
    </row>
    <row r="886" spans="2:7" ht="13.5" customHeight="1" x14ac:dyDescent="0.4">
      <c r="B886" s="10" t="s">
        <v>882</v>
      </c>
      <c r="C886" s="10" t="s">
        <v>8</v>
      </c>
      <c r="D886" s="10">
        <v>30</v>
      </c>
      <c r="E886" s="10">
        <v>9</v>
      </c>
      <c r="F886" s="10">
        <v>1</v>
      </c>
      <c r="G886" s="10">
        <v>218</v>
      </c>
    </row>
    <row r="887" spans="2:7" ht="13.5" customHeight="1" x14ac:dyDescent="0.4">
      <c r="B887" s="10" t="s">
        <v>883</v>
      </c>
      <c r="C887" s="10" t="s">
        <v>8</v>
      </c>
      <c r="D887" s="10">
        <v>30</v>
      </c>
      <c r="E887" s="10">
        <v>9</v>
      </c>
      <c r="F887" s="10">
        <v>1</v>
      </c>
      <c r="G887" s="10">
        <v>218</v>
      </c>
    </row>
    <row r="888" spans="2:7" ht="13.5" customHeight="1" x14ac:dyDescent="0.4">
      <c r="B888" s="10" t="s">
        <v>884</v>
      </c>
      <c r="C888" s="10" t="s">
        <v>8</v>
      </c>
      <c r="D888" s="10">
        <v>30</v>
      </c>
      <c r="E888" s="10">
        <v>9</v>
      </c>
      <c r="F888" s="10">
        <v>1</v>
      </c>
      <c r="G888" s="10">
        <v>218</v>
      </c>
    </row>
    <row r="889" spans="2:7" ht="13.5" customHeight="1" x14ac:dyDescent="0.4">
      <c r="B889" s="10" t="s">
        <v>885</v>
      </c>
      <c r="C889" s="10" t="s">
        <v>8</v>
      </c>
      <c r="D889" s="10">
        <v>30</v>
      </c>
      <c r="E889" s="10">
        <v>9</v>
      </c>
      <c r="F889" s="10">
        <v>1</v>
      </c>
      <c r="G889" s="10">
        <v>218</v>
      </c>
    </row>
    <row r="890" spans="2:7" ht="13.5" customHeight="1" x14ac:dyDescent="0.4">
      <c r="B890" s="10" t="s">
        <v>886</v>
      </c>
      <c r="C890" s="10" t="s">
        <v>8</v>
      </c>
      <c r="D890" s="10">
        <v>30</v>
      </c>
      <c r="E890" s="10">
        <v>9</v>
      </c>
      <c r="F890" s="10">
        <v>1</v>
      </c>
      <c r="G890" s="10">
        <v>218</v>
      </c>
    </row>
    <row r="891" spans="2:7" ht="13.5" customHeight="1" x14ac:dyDescent="0.4">
      <c r="B891" s="10" t="s">
        <v>887</v>
      </c>
      <c r="C891" s="10" t="s">
        <v>8</v>
      </c>
      <c r="D891" s="10">
        <v>30</v>
      </c>
      <c r="E891" s="10">
        <v>9</v>
      </c>
      <c r="F891" s="10">
        <v>1</v>
      </c>
      <c r="G891" s="10">
        <v>218</v>
      </c>
    </row>
    <row r="892" spans="2:7" ht="13.5" customHeight="1" x14ac:dyDescent="0.4">
      <c r="B892" s="10" t="s">
        <v>888</v>
      </c>
      <c r="C892" s="10" t="s">
        <v>8</v>
      </c>
      <c r="D892" s="10">
        <v>30</v>
      </c>
      <c r="E892" s="10">
        <v>9</v>
      </c>
      <c r="F892" s="10">
        <v>1</v>
      </c>
      <c r="G892" s="10">
        <v>218</v>
      </c>
    </row>
    <row r="893" spans="2:7" ht="13.5" customHeight="1" x14ac:dyDescent="0.4">
      <c r="B893" s="10" t="s">
        <v>889</v>
      </c>
      <c r="C893" s="10" t="s">
        <v>8</v>
      </c>
      <c r="D893" s="10">
        <v>30</v>
      </c>
      <c r="E893" s="10">
        <v>9</v>
      </c>
      <c r="F893" s="10">
        <v>1</v>
      </c>
      <c r="G893" s="10">
        <v>218</v>
      </c>
    </row>
    <row r="894" spans="2:7" ht="13.5" customHeight="1" x14ac:dyDescent="0.4">
      <c r="B894" s="10" t="s">
        <v>890</v>
      </c>
      <c r="C894" s="10" t="s">
        <v>8</v>
      </c>
      <c r="D894" s="10">
        <v>30</v>
      </c>
      <c r="E894" s="10">
        <v>9</v>
      </c>
      <c r="F894" s="10">
        <v>1</v>
      </c>
      <c r="G894" s="10">
        <v>218</v>
      </c>
    </row>
    <row r="895" spans="2:7" ht="13.5" customHeight="1" x14ac:dyDescent="0.4">
      <c r="B895" s="10" t="s">
        <v>891</v>
      </c>
      <c r="C895" s="10" t="s">
        <v>8</v>
      </c>
      <c r="D895" s="10">
        <v>30</v>
      </c>
      <c r="E895" s="10">
        <v>9</v>
      </c>
      <c r="F895" s="10">
        <v>1</v>
      </c>
      <c r="G895" s="10">
        <v>218</v>
      </c>
    </row>
    <row r="896" spans="2:7" ht="13.5" customHeight="1" x14ac:dyDescent="0.4">
      <c r="B896" s="10" t="s">
        <v>892</v>
      </c>
      <c r="C896" s="10" t="s">
        <v>8</v>
      </c>
      <c r="D896" s="10">
        <v>30</v>
      </c>
      <c r="E896" s="10">
        <v>9</v>
      </c>
      <c r="F896" s="10">
        <v>1</v>
      </c>
      <c r="G896" s="10">
        <v>218</v>
      </c>
    </row>
    <row r="897" spans="2:7" ht="13.5" customHeight="1" x14ac:dyDescent="0.4">
      <c r="B897" s="10" t="s">
        <v>893</v>
      </c>
      <c r="C897" s="10" t="s">
        <v>8</v>
      </c>
      <c r="D897" s="10">
        <v>30</v>
      </c>
      <c r="E897" s="10">
        <v>9</v>
      </c>
      <c r="F897" s="10">
        <v>1</v>
      </c>
      <c r="G897" s="10">
        <v>218</v>
      </c>
    </row>
    <row r="898" spans="2:7" ht="13.5" customHeight="1" x14ac:dyDescent="0.4">
      <c r="B898" s="10" t="s">
        <v>894</v>
      </c>
      <c r="C898" s="10" t="s">
        <v>8</v>
      </c>
      <c r="D898" s="10">
        <v>30</v>
      </c>
      <c r="E898" s="10">
        <v>9</v>
      </c>
      <c r="F898" s="10">
        <v>1</v>
      </c>
      <c r="G898" s="10">
        <v>218</v>
      </c>
    </row>
    <row r="899" spans="2:7" ht="13.5" customHeight="1" x14ac:dyDescent="0.4">
      <c r="B899" s="10" t="s">
        <v>895</v>
      </c>
      <c r="C899" s="10" t="s">
        <v>8</v>
      </c>
      <c r="D899" s="10">
        <v>30</v>
      </c>
      <c r="E899" s="10">
        <v>9</v>
      </c>
      <c r="F899" s="10">
        <v>1</v>
      </c>
      <c r="G899" s="10">
        <v>218</v>
      </c>
    </row>
    <row r="900" spans="2:7" ht="13.5" customHeight="1" x14ac:dyDescent="0.4">
      <c r="B900" s="10" t="s">
        <v>896</v>
      </c>
      <c r="C900" s="10" t="s">
        <v>8</v>
      </c>
      <c r="D900" s="10">
        <v>30</v>
      </c>
      <c r="E900" s="10">
        <v>9</v>
      </c>
      <c r="F900" s="10">
        <v>1</v>
      </c>
      <c r="G900" s="10">
        <v>218</v>
      </c>
    </row>
    <row r="901" spans="2:7" ht="13.5" customHeight="1" x14ac:dyDescent="0.4">
      <c r="B901" s="10" t="s">
        <v>897</v>
      </c>
      <c r="C901" s="10" t="s">
        <v>8</v>
      </c>
      <c r="D901" s="10">
        <v>30</v>
      </c>
      <c r="E901" s="10">
        <v>9</v>
      </c>
      <c r="F901" s="10">
        <v>1</v>
      </c>
      <c r="G901" s="10">
        <v>218</v>
      </c>
    </row>
    <row r="902" spans="2:7" ht="13.5" customHeight="1" x14ac:dyDescent="0.4">
      <c r="B902" s="10" t="s">
        <v>898</v>
      </c>
      <c r="C902" s="10" t="s">
        <v>8</v>
      </c>
      <c r="D902" s="10">
        <v>30</v>
      </c>
      <c r="E902" s="10">
        <v>9</v>
      </c>
      <c r="F902" s="10">
        <v>1</v>
      </c>
      <c r="G902" s="10">
        <v>218</v>
      </c>
    </row>
    <row r="903" spans="2:7" ht="13.5" customHeight="1" x14ac:dyDescent="0.4">
      <c r="B903" s="10" t="s">
        <v>899</v>
      </c>
      <c r="C903" s="10" t="s">
        <v>8</v>
      </c>
      <c r="D903" s="10">
        <v>30</v>
      </c>
      <c r="E903" s="10">
        <v>9</v>
      </c>
      <c r="F903" s="10">
        <v>1</v>
      </c>
      <c r="G903" s="10">
        <v>218</v>
      </c>
    </row>
    <row r="904" spans="2:7" ht="13.5" customHeight="1" x14ac:dyDescent="0.4">
      <c r="B904" s="10" t="s">
        <v>900</v>
      </c>
      <c r="C904" s="10" t="s">
        <v>8</v>
      </c>
      <c r="D904" s="10">
        <v>30</v>
      </c>
      <c r="E904" s="10">
        <v>9</v>
      </c>
      <c r="F904" s="10">
        <v>1</v>
      </c>
      <c r="G904" s="10">
        <v>218</v>
      </c>
    </row>
    <row r="905" spans="2:7" ht="13.5" customHeight="1" x14ac:dyDescent="0.4">
      <c r="B905" s="10" t="s">
        <v>901</v>
      </c>
      <c r="C905" s="10" t="s">
        <v>8</v>
      </c>
      <c r="D905" s="10">
        <v>30</v>
      </c>
      <c r="E905" s="10">
        <v>9</v>
      </c>
      <c r="F905" s="10">
        <v>1</v>
      </c>
      <c r="G905" s="10">
        <v>218</v>
      </c>
    </row>
    <row r="906" spans="2:7" ht="13.5" customHeight="1" x14ac:dyDescent="0.4">
      <c r="B906" s="10" t="s">
        <v>902</v>
      </c>
      <c r="C906" s="10" t="s">
        <v>8</v>
      </c>
      <c r="D906" s="10">
        <v>30</v>
      </c>
      <c r="E906" s="10">
        <v>9</v>
      </c>
      <c r="F906" s="10">
        <v>1</v>
      </c>
      <c r="G906" s="10">
        <v>218</v>
      </c>
    </row>
    <row r="907" spans="2:7" ht="13.5" customHeight="1" x14ac:dyDescent="0.4">
      <c r="B907" s="10" t="s">
        <v>903</v>
      </c>
      <c r="C907" s="10" t="s">
        <v>8</v>
      </c>
      <c r="D907" s="10">
        <v>30</v>
      </c>
      <c r="E907" s="10">
        <v>9</v>
      </c>
      <c r="F907" s="10">
        <v>1</v>
      </c>
      <c r="G907" s="10">
        <v>218</v>
      </c>
    </row>
    <row r="908" spans="2:7" ht="13.5" customHeight="1" x14ac:dyDescent="0.4">
      <c r="B908" s="10" t="s">
        <v>904</v>
      </c>
      <c r="C908" s="10" t="s">
        <v>8</v>
      </c>
      <c r="D908" s="10">
        <v>30</v>
      </c>
      <c r="E908" s="10">
        <v>9</v>
      </c>
      <c r="F908" s="10">
        <v>1</v>
      </c>
      <c r="G908" s="10">
        <v>218</v>
      </c>
    </row>
    <row r="909" spans="2:7" ht="13.5" customHeight="1" x14ac:dyDescent="0.4">
      <c r="B909" s="10" t="s">
        <v>905</v>
      </c>
      <c r="C909" s="10" t="s">
        <v>8</v>
      </c>
      <c r="D909" s="10">
        <v>30</v>
      </c>
      <c r="E909" s="10">
        <v>9</v>
      </c>
      <c r="F909" s="10">
        <v>1</v>
      </c>
      <c r="G909" s="10">
        <v>218</v>
      </c>
    </row>
    <row r="910" spans="2:7" ht="13.5" customHeight="1" x14ac:dyDescent="0.4">
      <c r="B910" s="10" t="s">
        <v>906</v>
      </c>
      <c r="C910" s="10" t="s">
        <v>8</v>
      </c>
      <c r="D910" s="10">
        <v>30</v>
      </c>
      <c r="E910" s="10">
        <v>9</v>
      </c>
      <c r="F910" s="10">
        <v>1</v>
      </c>
      <c r="G910" s="10">
        <v>218</v>
      </c>
    </row>
    <row r="911" spans="2:7" ht="13.5" customHeight="1" x14ac:dyDescent="0.4">
      <c r="B911" s="10" t="s">
        <v>907</v>
      </c>
      <c r="C911" s="10" t="s">
        <v>8</v>
      </c>
      <c r="D911" s="10">
        <v>30</v>
      </c>
      <c r="E911" s="10">
        <v>9</v>
      </c>
      <c r="F911" s="10">
        <v>1</v>
      </c>
      <c r="G911" s="10">
        <v>218</v>
      </c>
    </row>
    <row r="912" spans="2:7" ht="13.5" customHeight="1" x14ac:dyDescent="0.4">
      <c r="B912" s="10" t="s">
        <v>908</v>
      </c>
      <c r="C912" s="10" t="s">
        <v>8</v>
      </c>
      <c r="D912" s="10">
        <v>30</v>
      </c>
      <c r="E912" s="10">
        <v>9</v>
      </c>
      <c r="F912" s="10">
        <v>1</v>
      </c>
      <c r="G912" s="10">
        <v>218</v>
      </c>
    </row>
    <row r="913" spans="2:7" ht="13.5" customHeight="1" x14ac:dyDescent="0.4">
      <c r="B913" s="10" t="s">
        <v>909</v>
      </c>
      <c r="C913" s="10" t="s">
        <v>8</v>
      </c>
      <c r="D913" s="10">
        <v>30</v>
      </c>
      <c r="E913" s="10">
        <v>9</v>
      </c>
      <c r="F913" s="10">
        <v>1</v>
      </c>
      <c r="G913" s="10">
        <v>218</v>
      </c>
    </row>
    <row r="914" spans="2:7" ht="13.5" customHeight="1" x14ac:dyDescent="0.4">
      <c r="B914" s="10" t="s">
        <v>910</v>
      </c>
      <c r="C914" s="10" t="s">
        <v>8</v>
      </c>
      <c r="D914" s="10">
        <v>30</v>
      </c>
      <c r="E914" s="10">
        <v>9</v>
      </c>
      <c r="F914" s="10">
        <v>1</v>
      </c>
      <c r="G914" s="10">
        <v>218</v>
      </c>
    </row>
    <row r="915" spans="2:7" ht="13.5" customHeight="1" x14ac:dyDescent="0.4">
      <c r="B915" s="10" t="s">
        <v>911</v>
      </c>
      <c r="C915" s="10" t="s">
        <v>8</v>
      </c>
      <c r="D915" s="10">
        <v>30</v>
      </c>
      <c r="E915" s="10">
        <v>9</v>
      </c>
      <c r="F915" s="10">
        <v>1</v>
      </c>
      <c r="G915" s="10">
        <v>218</v>
      </c>
    </row>
    <row r="916" spans="2:7" ht="13.5" customHeight="1" x14ac:dyDescent="0.4">
      <c r="B916" s="10" t="s">
        <v>912</v>
      </c>
      <c r="C916" s="10" t="s">
        <v>8</v>
      </c>
      <c r="D916" s="10">
        <v>30</v>
      </c>
      <c r="E916" s="10">
        <v>9</v>
      </c>
      <c r="F916" s="10">
        <v>1</v>
      </c>
      <c r="G916" s="10">
        <v>218</v>
      </c>
    </row>
    <row r="917" spans="2:7" ht="13.5" customHeight="1" x14ac:dyDescent="0.4">
      <c r="B917" s="10" t="s">
        <v>913</v>
      </c>
      <c r="C917" s="10" t="s">
        <v>8</v>
      </c>
      <c r="D917" s="10">
        <v>30</v>
      </c>
      <c r="E917" s="10">
        <v>9</v>
      </c>
      <c r="F917" s="10">
        <v>1</v>
      </c>
      <c r="G917" s="10">
        <v>218</v>
      </c>
    </row>
    <row r="918" spans="2:7" ht="13.5" customHeight="1" x14ac:dyDescent="0.4">
      <c r="B918" s="10" t="s">
        <v>914</v>
      </c>
      <c r="C918" s="10" t="s">
        <v>8</v>
      </c>
      <c r="D918" s="10">
        <v>30</v>
      </c>
      <c r="E918" s="10">
        <v>9</v>
      </c>
      <c r="F918" s="10">
        <v>1</v>
      </c>
      <c r="G918" s="10">
        <v>218</v>
      </c>
    </row>
    <row r="919" spans="2:7" ht="13.5" customHeight="1" x14ac:dyDescent="0.4">
      <c r="B919" s="10" t="s">
        <v>915</v>
      </c>
      <c r="C919" s="10" t="s">
        <v>8</v>
      </c>
      <c r="D919" s="10">
        <v>30</v>
      </c>
      <c r="E919" s="10">
        <v>9</v>
      </c>
      <c r="F919" s="10">
        <v>1</v>
      </c>
      <c r="G919" s="10">
        <v>218</v>
      </c>
    </row>
    <row r="920" spans="2:7" ht="13.5" customHeight="1" x14ac:dyDescent="0.4">
      <c r="B920" s="10" t="s">
        <v>916</v>
      </c>
      <c r="C920" s="10" t="s">
        <v>8</v>
      </c>
      <c r="D920" s="10">
        <v>30</v>
      </c>
      <c r="E920" s="10">
        <v>9</v>
      </c>
      <c r="F920" s="10">
        <v>1</v>
      </c>
      <c r="G920" s="10">
        <v>218</v>
      </c>
    </row>
    <row r="921" spans="2:7" ht="13.5" customHeight="1" x14ac:dyDescent="0.4">
      <c r="B921" s="10" t="s">
        <v>917</v>
      </c>
      <c r="C921" s="10" t="s">
        <v>8</v>
      </c>
      <c r="D921" s="10">
        <v>30</v>
      </c>
      <c r="E921" s="10">
        <v>9</v>
      </c>
      <c r="F921" s="10">
        <v>1</v>
      </c>
      <c r="G921" s="10">
        <v>218</v>
      </c>
    </row>
    <row r="922" spans="2:7" ht="13.5" customHeight="1" x14ac:dyDescent="0.4">
      <c r="B922" s="10" t="s">
        <v>918</v>
      </c>
      <c r="C922" s="10" t="s">
        <v>8</v>
      </c>
      <c r="D922" s="10">
        <v>30</v>
      </c>
      <c r="E922" s="10">
        <v>9</v>
      </c>
      <c r="F922" s="10">
        <v>1</v>
      </c>
      <c r="G922" s="10">
        <v>218</v>
      </c>
    </row>
    <row r="923" spans="2:7" ht="13.5" customHeight="1" x14ac:dyDescent="0.4">
      <c r="B923" s="10" t="s">
        <v>919</v>
      </c>
      <c r="C923" s="10" t="s">
        <v>8</v>
      </c>
      <c r="D923" s="10">
        <v>30</v>
      </c>
      <c r="E923" s="10">
        <v>9</v>
      </c>
      <c r="F923" s="10">
        <v>1</v>
      </c>
      <c r="G923" s="10">
        <v>218</v>
      </c>
    </row>
    <row r="924" spans="2:7" ht="13.5" customHeight="1" x14ac:dyDescent="0.4">
      <c r="B924" s="10" t="s">
        <v>920</v>
      </c>
      <c r="C924" s="10" t="s">
        <v>8</v>
      </c>
      <c r="D924" s="10">
        <v>30</v>
      </c>
      <c r="E924" s="10">
        <v>9</v>
      </c>
      <c r="F924" s="10">
        <v>1</v>
      </c>
      <c r="G924" s="10">
        <v>218</v>
      </c>
    </row>
    <row r="925" spans="2:7" ht="13.5" customHeight="1" x14ac:dyDescent="0.4">
      <c r="B925" s="10" t="s">
        <v>921</v>
      </c>
      <c r="C925" s="10" t="s">
        <v>8</v>
      </c>
      <c r="D925" s="10">
        <v>30</v>
      </c>
      <c r="E925" s="10">
        <v>9</v>
      </c>
      <c r="F925" s="10">
        <v>1</v>
      </c>
      <c r="G925" s="10">
        <v>218</v>
      </c>
    </row>
    <row r="926" spans="2:7" ht="13.5" customHeight="1" x14ac:dyDescent="0.4">
      <c r="B926" s="10" t="s">
        <v>922</v>
      </c>
      <c r="C926" s="10" t="s">
        <v>8</v>
      </c>
      <c r="D926" s="10">
        <v>30</v>
      </c>
      <c r="E926" s="10">
        <v>9</v>
      </c>
      <c r="F926" s="10">
        <v>1</v>
      </c>
      <c r="G926" s="10">
        <v>218</v>
      </c>
    </row>
    <row r="927" spans="2:7" ht="13.5" customHeight="1" x14ac:dyDescent="0.4">
      <c r="B927" s="10" t="s">
        <v>923</v>
      </c>
      <c r="C927" s="10" t="s">
        <v>8</v>
      </c>
      <c r="D927" s="10">
        <v>30</v>
      </c>
      <c r="E927" s="10">
        <v>9</v>
      </c>
      <c r="F927" s="10">
        <v>1</v>
      </c>
      <c r="G927" s="10">
        <v>218</v>
      </c>
    </row>
    <row r="928" spans="2:7" ht="13.5" customHeight="1" x14ac:dyDescent="0.4">
      <c r="B928" s="10" t="s">
        <v>924</v>
      </c>
      <c r="C928" s="10" t="s">
        <v>8</v>
      </c>
      <c r="D928" s="10">
        <v>30</v>
      </c>
      <c r="E928" s="10">
        <v>9</v>
      </c>
      <c r="F928" s="10">
        <v>1</v>
      </c>
      <c r="G928" s="10">
        <v>218</v>
      </c>
    </row>
    <row r="929" spans="2:7" ht="13.5" customHeight="1" x14ac:dyDescent="0.4">
      <c r="B929" s="10" t="s">
        <v>925</v>
      </c>
      <c r="C929" s="10" t="s">
        <v>8</v>
      </c>
      <c r="D929" s="10">
        <v>30</v>
      </c>
      <c r="E929" s="10">
        <v>9</v>
      </c>
      <c r="F929" s="10">
        <v>1</v>
      </c>
      <c r="G929" s="10">
        <v>218</v>
      </c>
    </row>
    <row r="930" spans="2:7" ht="13.5" customHeight="1" x14ac:dyDescent="0.4">
      <c r="B930" s="10" t="s">
        <v>926</v>
      </c>
      <c r="C930" s="10" t="s">
        <v>8</v>
      </c>
      <c r="D930" s="10">
        <v>30</v>
      </c>
      <c r="E930" s="10">
        <v>9</v>
      </c>
      <c r="F930" s="10">
        <v>1</v>
      </c>
      <c r="G930" s="10">
        <v>218</v>
      </c>
    </row>
    <row r="931" spans="2:7" ht="13.5" customHeight="1" x14ac:dyDescent="0.4">
      <c r="B931" s="10" t="s">
        <v>927</v>
      </c>
      <c r="C931" s="10" t="s">
        <v>8</v>
      </c>
      <c r="D931" s="10">
        <v>30</v>
      </c>
      <c r="E931" s="10">
        <v>9</v>
      </c>
      <c r="F931" s="10">
        <v>1</v>
      </c>
      <c r="G931" s="10">
        <v>218</v>
      </c>
    </row>
    <row r="932" spans="2:7" ht="13.5" customHeight="1" x14ac:dyDescent="0.4">
      <c r="B932" s="10" t="s">
        <v>928</v>
      </c>
      <c r="C932" s="10" t="s">
        <v>8</v>
      </c>
      <c r="D932" s="10">
        <v>30</v>
      </c>
      <c r="E932" s="10">
        <v>9</v>
      </c>
      <c r="F932" s="10">
        <v>1</v>
      </c>
      <c r="G932" s="10">
        <v>218</v>
      </c>
    </row>
    <row r="933" spans="2:7" ht="13.5" customHeight="1" x14ac:dyDescent="0.4">
      <c r="B933" s="10" t="s">
        <v>929</v>
      </c>
      <c r="C933" s="10" t="s">
        <v>8</v>
      </c>
      <c r="D933" s="10">
        <v>30</v>
      </c>
      <c r="E933" s="10">
        <v>9</v>
      </c>
      <c r="F933" s="10">
        <v>1</v>
      </c>
      <c r="G933" s="10">
        <v>218</v>
      </c>
    </row>
    <row r="934" spans="2:7" ht="13.5" customHeight="1" x14ac:dyDescent="0.4">
      <c r="B934" s="10" t="s">
        <v>930</v>
      </c>
      <c r="C934" s="10" t="s">
        <v>8</v>
      </c>
      <c r="D934" s="10">
        <v>30</v>
      </c>
      <c r="E934" s="10">
        <v>9</v>
      </c>
      <c r="F934" s="10">
        <v>1</v>
      </c>
      <c r="G934" s="10">
        <v>218</v>
      </c>
    </row>
    <row r="935" spans="2:7" ht="13.5" customHeight="1" x14ac:dyDescent="0.4">
      <c r="B935" s="10" t="s">
        <v>931</v>
      </c>
      <c r="C935" s="10" t="s">
        <v>8</v>
      </c>
      <c r="D935" s="10">
        <v>30</v>
      </c>
      <c r="E935" s="10">
        <v>9</v>
      </c>
      <c r="F935" s="10">
        <v>1</v>
      </c>
      <c r="G935" s="10">
        <v>218</v>
      </c>
    </row>
    <row r="936" spans="2:7" ht="13.5" customHeight="1" x14ac:dyDescent="0.4">
      <c r="B936" s="10" t="s">
        <v>932</v>
      </c>
      <c r="C936" s="10" t="s">
        <v>8</v>
      </c>
      <c r="D936" s="10">
        <v>30</v>
      </c>
      <c r="E936" s="10">
        <v>9</v>
      </c>
      <c r="F936" s="10">
        <v>1</v>
      </c>
      <c r="G936" s="10">
        <v>218</v>
      </c>
    </row>
    <row r="937" spans="2:7" ht="13.5" customHeight="1" x14ac:dyDescent="0.4">
      <c r="B937" s="10" t="s">
        <v>933</v>
      </c>
      <c r="C937" s="10" t="s">
        <v>8</v>
      </c>
      <c r="D937" s="10">
        <v>30</v>
      </c>
      <c r="E937" s="10">
        <v>9</v>
      </c>
      <c r="F937" s="10">
        <v>1</v>
      </c>
      <c r="G937" s="10">
        <v>218</v>
      </c>
    </row>
    <row r="938" spans="2:7" ht="13.5" customHeight="1" x14ac:dyDescent="0.4">
      <c r="B938" s="10" t="s">
        <v>934</v>
      </c>
      <c r="C938" s="10" t="s">
        <v>8</v>
      </c>
      <c r="D938" s="10">
        <v>30</v>
      </c>
      <c r="E938" s="10">
        <v>9</v>
      </c>
      <c r="F938" s="10">
        <v>1</v>
      </c>
      <c r="G938" s="10">
        <v>218</v>
      </c>
    </row>
    <row r="939" spans="2:7" ht="13.5" customHeight="1" x14ac:dyDescent="0.4">
      <c r="B939" s="10" t="s">
        <v>935</v>
      </c>
      <c r="C939" s="10" t="s">
        <v>8</v>
      </c>
      <c r="D939" s="10">
        <v>30</v>
      </c>
      <c r="E939" s="10">
        <v>9</v>
      </c>
      <c r="F939" s="10">
        <v>1</v>
      </c>
      <c r="G939" s="10">
        <v>218</v>
      </c>
    </row>
    <row r="940" spans="2:7" ht="13.5" customHeight="1" x14ac:dyDescent="0.4">
      <c r="B940" s="10" t="s">
        <v>936</v>
      </c>
      <c r="C940" s="10" t="s">
        <v>8</v>
      </c>
      <c r="D940" s="10">
        <v>30</v>
      </c>
      <c r="E940" s="10">
        <v>9</v>
      </c>
      <c r="F940" s="10">
        <v>1</v>
      </c>
      <c r="G940" s="10">
        <v>218</v>
      </c>
    </row>
    <row r="941" spans="2:7" ht="13.5" customHeight="1" x14ac:dyDescent="0.4">
      <c r="B941" s="10" t="s">
        <v>937</v>
      </c>
      <c r="C941" s="10" t="s">
        <v>8</v>
      </c>
      <c r="D941" s="10">
        <v>30</v>
      </c>
      <c r="E941" s="10">
        <v>10</v>
      </c>
      <c r="F941" s="10">
        <v>1</v>
      </c>
      <c r="G941" s="10">
        <v>219</v>
      </c>
    </row>
    <row r="942" spans="2:7" ht="13.5" customHeight="1" x14ac:dyDescent="0.4">
      <c r="B942" s="10" t="s">
        <v>938</v>
      </c>
      <c r="C942" s="10" t="s">
        <v>8</v>
      </c>
      <c r="D942" s="10">
        <v>30</v>
      </c>
      <c r="E942" s="10">
        <v>10</v>
      </c>
      <c r="F942" s="10">
        <v>1</v>
      </c>
      <c r="G942" s="10">
        <v>219</v>
      </c>
    </row>
    <row r="943" spans="2:7" ht="13.5" customHeight="1" x14ac:dyDescent="0.4">
      <c r="B943" s="10" t="s">
        <v>939</v>
      </c>
      <c r="C943" s="10" t="s">
        <v>8</v>
      </c>
      <c r="D943" s="10">
        <v>30</v>
      </c>
      <c r="E943" s="10">
        <v>10</v>
      </c>
      <c r="F943" s="10">
        <v>1</v>
      </c>
      <c r="G943" s="10">
        <v>219</v>
      </c>
    </row>
    <row r="944" spans="2:7" ht="13.5" customHeight="1" x14ac:dyDescent="0.4">
      <c r="B944" s="10" t="s">
        <v>940</v>
      </c>
      <c r="C944" s="10" t="s">
        <v>8</v>
      </c>
      <c r="D944" s="10">
        <v>30</v>
      </c>
      <c r="E944" s="10">
        <v>10</v>
      </c>
      <c r="F944" s="10">
        <v>1</v>
      </c>
      <c r="G944" s="10">
        <v>219</v>
      </c>
    </row>
    <row r="945" spans="2:7" ht="13.5" customHeight="1" x14ac:dyDescent="0.4">
      <c r="B945" s="10" t="s">
        <v>941</v>
      </c>
      <c r="C945" s="10" t="s">
        <v>8</v>
      </c>
      <c r="D945" s="10">
        <v>30</v>
      </c>
      <c r="E945" s="10">
        <v>10</v>
      </c>
      <c r="F945" s="10">
        <v>1</v>
      </c>
      <c r="G945" s="10">
        <v>219</v>
      </c>
    </row>
    <row r="946" spans="2:7" ht="13.5" customHeight="1" x14ac:dyDescent="0.4">
      <c r="B946" s="10" t="s">
        <v>942</v>
      </c>
      <c r="C946" s="10" t="s">
        <v>8</v>
      </c>
      <c r="D946" s="10">
        <v>30</v>
      </c>
      <c r="E946" s="10">
        <v>10</v>
      </c>
      <c r="F946" s="10">
        <v>1</v>
      </c>
      <c r="G946" s="10">
        <v>219</v>
      </c>
    </row>
    <row r="947" spans="2:7" ht="13.5" customHeight="1" x14ac:dyDescent="0.4">
      <c r="B947" s="10" t="s">
        <v>943</v>
      </c>
      <c r="C947" s="10" t="s">
        <v>8</v>
      </c>
      <c r="D947" s="10">
        <v>30</v>
      </c>
      <c r="E947" s="10">
        <v>10</v>
      </c>
      <c r="F947" s="10">
        <v>1</v>
      </c>
      <c r="G947" s="10">
        <v>219</v>
      </c>
    </row>
    <row r="948" spans="2:7" ht="13.5" customHeight="1" x14ac:dyDescent="0.4">
      <c r="B948" s="10" t="s">
        <v>944</v>
      </c>
      <c r="C948" s="10" t="s">
        <v>8</v>
      </c>
      <c r="D948" s="10">
        <v>30</v>
      </c>
      <c r="E948" s="10">
        <v>10</v>
      </c>
      <c r="F948" s="10">
        <v>1</v>
      </c>
      <c r="G948" s="10">
        <v>219</v>
      </c>
    </row>
    <row r="949" spans="2:7" ht="13.5" customHeight="1" x14ac:dyDescent="0.4">
      <c r="B949" s="10" t="s">
        <v>945</v>
      </c>
      <c r="C949" s="10" t="s">
        <v>8</v>
      </c>
      <c r="D949" s="10">
        <v>30</v>
      </c>
      <c r="E949" s="10">
        <v>10</v>
      </c>
      <c r="F949" s="10">
        <v>1</v>
      </c>
      <c r="G949" s="10">
        <v>219</v>
      </c>
    </row>
    <row r="950" spans="2:7" ht="13.5" customHeight="1" x14ac:dyDescent="0.4">
      <c r="B950" s="10" t="s">
        <v>946</v>
      </c>
      <c r="C950" s="10" t="s">
        <v>8</v>
      </c>
      <c r="D950" s="10">
        <v>30</v>
      </c>
      <c r="E950" s="10">
        <v>10</v>
      </c>
      <c r="F950" s="10">
        <v>1</v>
      </c>
      <c r="G950" s="10">
        <v>219</v>
      </c>
    </row>
    <row r="951" spans="2:7" ht="13.5" customHeight="1" x14ac:dyDescent="0.4">
      <c r="B951" s="10" t="s">
        <v>947</v>
      </c>
      <c r="C951" s="10" t="s">
        <v>8</v>
      </c>
      <c r="D951" s="10">
        <v>30</v>
      </c>
      <c r="E951" s="10">
        <v>10</v>
      </c>
      <c r="F951" s="10">
        <v>1</v>
      </c>
      <c r="G951" s="10">
        <v>219</v>
      </c>
    </row>
    <row r="952" spans="2:7" ht="13.5" customHeight="1" x14ac:dyDescent="0.4">
      <c r="B952" s="10" t="s">
        <v>948</v>
      </c>
      <c r="C952" s="10" t="s">
        <v>8</v>
      </c>
      <c r="D952" s="10">
        <v>30</v>
      </c>
      <c r="E952" s="10">
        <v>10</v>
      </c>
      <c r="F952" s="10">
        <v>1</v>
      </c>
      <c r="G952" s="10">
        <v>219</v>
      </c>
    </row>
    <row r="953" spans="2:7" ht="13.5" customHeight="1" x14ac:dyDescent="0.4">
      <c r="B953" s="10" t="s">
        <v>949</v>
      </c>
      <c r="C953" s="10" t="s">
        <v>8</v>
      </c>
      <c r="D953" s="10">
        <v>30</v>
      </c>
      <c r="E953" s="10">
        <v>10</v>
      </c>
      <c r="F953" s="10">
        <v>1</v>
      </c>
      <c r="G953" s="10">
        <v>219</v>
      </c>
    </row>
    <row r="954" spans="2:7" ht="13.5" customHeight="1" x14ac:dyDescent="0.4">
      <c r="B954" s="10" t="s">
        <v>950</v>
      </c>
      <c r="C954" s="10" t="s">
        <v>8</v>
      </c>
      <c r="D954" s="10">
        <v>30</v>
      </c>
      <c r="E954" s="10">
        <v>10</v>
      </c>
      <c r="F954" s="10">
        <v>1</v>
      </c>
      <c r="G954" s="10">
        <v>219</v>
      </c>
    </row>
    <row r="955" spans="2:7" ht="13.5" customHeight="1" x14ac:dyDescent="0.4">
      <c r="B955" s="10" t="s">
        <v>951</v>
      </c>
      <c r="C955" s="10" t="s">
        <v>8</v>
      </c>
      <c r="D955" s="10">
        <v>30</v>
      </c>
      <c r="E955" s="10">
        <v>10</v>
      </c>
      <c r="F955" s="10">
        <v>1</v>
      </c>
      <c r="G955" s="10">
        <v>219</v>
      </c>
    </row>
    <row r="956" spans="2:7" ht="13.5" customHeight="1" x14ac:dyDescent="0.4">
      <c r="B956" s="10" t="s">
        <v>952</v>
      </c>
      <c r="C956" s="10" t="s">
        <v>8</v>
      </c>
      <c r="D956" s="10">
        <v>30</v>
      </c>
      <c r="E956" s="10">
        <v>10</v>
      </c>
      <c r="F956" s="10">
        <v>1</v>
      </c>
      <c r="G956" s="10">
        <v>219</v>
      </c>
    </row>
    <row r="957" spans="2:7" ht="13.5" customHeight="1" x14ac:dyDescent="0.4">
      <c r="B957" s="10" t="s">
        <v>953</v>
      </c>
      <c r="C957" s="10" t="s">
        <v>8</v>
      </c>
      <c r="D957" s="10">
        <v>30</v>
      </c>
      <c r="E957" s="10">
        <v>10</v>
      </c>
      <c r="F957" s="10">
        <v>1</v>
      </c>
      <c r="G957" s="10">
        <v>219</v>
      </c>
    </row>
    <row r="958" spans="2:7" ht="13.5" customHeight="1" x14ac:dyDescent="0.4">
      <c r="B958" s="10" t="s">
        <v>954</v>
      </c>
      <c r="C958" s="10" t="s">
        <v>8</v>
      </c>
      <c r="D958" s="10">
        <v>30</v>
      </c>
      <c r="E958" s="10">
        <v>10</v>
      </c>
      <c r="F958" s="10">
        <v>1</v>
      </c>
      <c r="G958" s="10">
        <v>219</v>
      </c>
    </row>
    <row r="959" spans="2:7" ht="13.5" customHeight="1" x14ac:dyDescent="0.4">
      <c r="B959" s="10" t="s">
        <v>955</v>
      </c>
      <c r="C959" s="10" t="s">
        <v>8</v>
      </c>
      <c r="D959" s="10">
        <v>30</v>
      </c>
      <c r="E959" s="10">
        <v>10</v>
      </c>
      <c r="F959" s="10">
        <v>1</v>
      </c>
      <c r="G959" s="10">
        <v>219</v>
      </c>
    </row>
    <row r="960" spans="2:7" ht="13.5" customHeight="1" x14ac:dyDescent="0.4">
      <c r="B960" s="10" t="s">
        <v>956</v>
      </c>
      <c r="C960" s="10" t="s">
        <v>8</v>
      </c>
      <c r="D960" s="10">
        <v>30</v>
      </c>
      <c r="E960" s="10">
        <v>10</v>
      </c>
      <c r="F960" s="10">
        <v>1</v>
      </c>
      <c r="G960" s="10">
        <v>219</v>
      </c>
    </row>
    <row r="961" spans="2:7" ht="13.5" customHeight="1" x14ac:dyDescent="0.4">
      <c r="B961" s="10" t="s">
        <v>957</v>
      </c>
      <c r="C961" s="10" t="s">
        <v>8</v>
      </c>
      <c r="D961" s="10">
        <v>30</v>
      </c>
      <c r="E961" s="10">
        <v>10</v>
      </c>
      <c r="F961" s="10">
        <v>1</v>
      </c>
      <c r="G961" s="10">
        <v>219</v>
      </c>
    </row>
    <row r="962" spans="2:7" ht="13.5" customHeight="1" x14ac:dyDescent="0.4">
      <c r="B962" s="10" t="s">
        <v>958</v>
      </c>
      <c r="C962" s="10" t="s">
        <v>8</v>
      </c>
      <c r="D962" s="10">
        <v>30</v>
      </c>
      <c r="E962" s="10">
        <v>10</v>
      </c>
      <c r="F962" s="10">
        <v>1</v>
      </c>
      <c r="G962" s="10">
        <v>219</v>
      </c>
    </row>
    <row r="963" spans="2:7" ht="13.5" customHeight="1" x14ac:dyDescent="0.4">
      <c r="B963" s="10" t="s">
        <v>959</v>
      </c>
      <c r="C963" s="10" t="s">
        <v>8</v>
      </c>
      <c r="D963" s="10">
        <v>30</v>
      </c>
      <c r="E963" s="10">
        <v>10</v>
      </c>
      <c r="F963" s="10">
        <v>1</v>
      </c>
      <c r="G963" s="10">
        <v>219</v>
      </c>
    </row>
    <row r="964" spans="2:7" ht="13.5" customHeight="1" x14ac:dyDescent="0.4">
      <c r="B964" s="10" t="s">
        <v>960</v>
      </c>
      <c r="C964" s="10" t="s">
        <v>8</v>
      </c>
      <c r="D964" s="10">
        <v>30</v>
      </c>
      <c r="E964" s="10">
        <v>10</v>
      </c>
      <c r="F964" s="10">
        <v>1</v>
      </c>
      <c r="G964" s="10">
        <v>219</v>
      </c>
    </row>
    <row r="965" spans="2:7" ht="13.5" customHeight="1" x14ac:dyDescent="0.4">
      <c r="B965" s="10" t="s">
        <v>961</v>
      </c>
      <c r="C965" s="10" t="s">
        <v>8</v>
      </c>
      <c r="D965" s="10">
        <v>30</v>
      </c>
      <c r="E965" s="10">
        <v>10</v>
      </c>
      <c r="F965" s="10">
        <v>1</v>
      </c>
      <c r="G965" s="10">
        <v>219</v>
      </c>
    </row>
    <row r="966" spans="2:7" ht="13.5" customHeight="1" x14ac:dyDescent="0.4">
      <c r="B966" s="10" t="s">
        <v>962</v>
      </c>
      <c r="C966" s="10" t="s">
        <v>8</v>
      </c>
      <c r="D966" s="10">
        <v>30</v>
      </c>
      <c r="E966" s="10">
        <v>10</v>
      </c>
      <c r="F966" s="10">
        <v>1</v>
      </c>
      <c r="G966" s="10">
        <v>219</v>
      </c>
    </row>
    <row r="967" spans="2:7" ht="13.5" customHeight="1" x14ac:dyDescent="0.4">
      <c r="B967" s="10" t="s">
        <v>963</v>
      </c>
      <c r="C967" s="10" t="s">
        <v>8</v>
      </c>
      <c r="D967" s="10">
        <v>30</v>
      </c>
      <c r="E967" s="10">
        <v>10</v>
      </c>
      <c r="F967" s="10">
        <v>1</v>
      </c>
      <c r="G967" s="10">
        <v>219</v>
      </c>
    </row>
    <row r="968" spans="2:7" ht="13.5" customHeight="1" x14ac:dyDescent="0.4">
      <c r="B968" s="10" t="s">
        <v>964</v>
      </c>
      <c r="C968" s="10" t="s">
        <v>8</v>
      </c>
      <c r="D968" s="10">
        <v>30</v>
      </c>
      <c r="E968" s="10">
        <v>10</v>
      </c>
      <c r="F968" s="10">
        <v>1</v>
      </c>
      <c r="G968" s="10">
        <v>219</v>
      </c>
    </row>
    <row r="969" spans="2:7" ht="13.5" customHeight="1" x14ac:dyDescent="0.4">
      <c r="B969" s="10" t="s">
        <v>965</v>
      </c>
      <c r="C969" s="10" t="s">
        <v>8</v>
      </c>
      <c r="D969" s="10">
        <v>30</v>
      </c>
      <c r="E969" s="10">
        <v>10</v>
      </c>
      <c r="F969" s="10">
        <v>1</v>
      </c>
      <c r="G969" s="10">
        <v>219</v>
      </c>
    </row>
    <row r="970" spans="2:7" ht="13.5" customHeight="1" x14ac:dyDescent="0.4">
      <c r="B970" s="10" t="s">
        <v>966</v>
      </c>
      <c r="C970" s="10" t="s">
        <v>8</v>
      </c>
      <c r="D970" s="10">
        <v>30</v>
      </c>
      <c r="E970" s="10">
        <v>10</v>
      </c>
      <c r="F970" s="10">
        <v>1</v>
      </c>
      <c r="G970" s="10">
        <v>219</v>
      </c>
    </row>
    <row r="971" spans="2:7" ht="13.5" customHeight="1" x14ac:dyDescent="0.4">
      <c r="B971" s="10" t="s">
        <v>967</v>
      </c>
      <c r="C971" s="10" t="s">
        <v>8</v>
      </c>
      <c r="D971" s="10">
        <v>30</v>
      </c>
      <c r="E971" s="10">
        <v>10</v>
      </c>
      <c r="F971" s="10">
        <v>1</v>
      </c>
      <c r="G971" s="10">
        <v>219</v>
      </c>
    </row>
    <row r="972" spans="2:7" ht="13.5" customHeight="1" x14ac:dyDescent="0.4">
      <c r="B972" s="10" t="s">
        <v>968</v>
      </c>
      <c r="C972" s="10" t="s">
        <v>8</v>
      </c>
      <c r="D972" s="10">
        <v>30</v>
      </c>
      <c r="E972" s="10">
        <v>10</v>
      </c>
      <c r="F972" s="10">
        <v>1</v>
      </c>
      <c r="G972" s="10">
        <v>219</v>
      </c>
    </row>
    <row r="973" spans="2:7" ht="13.5" customHeight="1" x14ac:dyDescent="0.4">
      <c r="B973" s="10" t="s">
        <v>969</v>
      </c>
      <c r="C973" s="10" t="s">
        <v>8</v>
      </c>
      <c r="D973" s="10">
        <v>30</v>
      </c>
      <c r="E973" s="10">
        <v>10</v>
      </c>
      <c r="F973" s="10">
        <v>1</v>
      </c>
      <c r="G973" s="10">
        <v>219</v>
      </c>
    </row>
    <row r="974" spans="2:7" ht="13.5" customHeight="1" x14ac:dyDescent="0.4">
      <c r="B974" s="10" t="s">
        <v>970</v>
      </c>
      <c r="C974" s="10" t="s">
        <v>8</v>
      </c>
      <c r="D974" s="10">
        <v>30</v>
      </c>
      <c r="E974" s="10">
        <v>10</v>
      </c>
      <c r="F974" s="10">
        <v>1</v>
      </c>
      <c r="G974" s="10">
        <v>219</v>
      </c>
    </row>
    <row r="975" spans="2:7" ht="13.5" customHeight="1" x14ac:dyDescent="0.4">
      <c r="B975" s="10" t="s">
        <v>971</v>
      </c>
      <c r="C975" s="10" t="s">
        <v>8</v>
      </c>
      <c r="D975" s="10">
        <v>30</v>
      </c>
      <c r="E975" s="10">
        <v>10</v>
      </c>
      <c r="F975" s="10">
        <v>1</v>
      </c>
      <c r="G975" s="10">
        <v>219</v>
      </c>
    </row>
    <row r="976" spans="2:7" ht="13.5" customHeight="1" x14ac:dyDescent="0.4">
      <c r="B976" s="10" t="s">
        <v>972</v>
      </c>
      <c r="C976" s="10" t="s">
        <v>8</v>
      </c>
      <c r="D976" s="10">
        <v>30</v>
      </c>
      <c r="E976" s="10">
        <v>10</v>
      </c>
      <c r="F976" s="10">
        <v>1</v>
      </c>
      <c r="G976" s="10">
        <v>219</v>
      </c>
    </row>
    <row r="977" spans="2:7" ht="13.5" customHeight="1" x14ac:dyDescent="0.4">
      <c r="B977" s="10" t="s">
        <v>973</v>
      </c>
      <c r="C977" s="10" t="s">
        <v>8</v>
      </c>
      <c r="D977" s="10">
        <v>30</v>
      </c>
      <c r="E977" s="10">
        <v>10</v>
      </c>
      <c r="F977" s="10">
        <v>1</v>
      </c>
      <c r="G977" s="10">
        <v>219</v>
      </c>
    </row>
    <row r="978" spans="2:7" ht="13.5" customHeight="1" x14ac:dyDescent="0.4">
      <c r="B978" s="10" t="s">
        <v>974</v>
      </c>
      <c r="C978" s="10" t="s">
        <v>8</v>
      </c>
      <c r="D978" s="10">
        <v>30</v>
      </c>
      <c r="E978" s="10">
        <v>10</v>
      </c>
      <c r="F978" s="10">
        <v>1</v>
      </c>
      <c r="G978" s="10">
        <v>219</v>
      </c>
    </row>
    <row r="979" spans="2:7" ht="13.5" customHeight="1" x14ac:dyDescent="0.4">
      <c r="B979" s="10" t="s">
        <v>975</v>
      </c>
      <c r="C979" s="10" t="s">
        <v>8</v>
      </c>
      <c r="D979" s="10">
        <v>30</v>
      </c>
      <c r="E979" s="10">
        <v>10</v>
      </c>
      <c r="F979" s="10">
        <v>1</v>
      </c>
      <c r="G979" s="10">
        <v>219</v>
      </c>
    </row>
    <row r="980" spans="2:7" ht="13.5" customHeight="1" x14ac:dyDescent="0.4">
      <c r="B980" s="10" t="s">
        <v>976</v>
      </c>
      <c r="C980" s="10" t="s">
        <v>8</v>
      </c>
      <c r="D980" s="10">
        <v>30</v>
      </c>
      <c r="E980" s="10">
        <v>10</v>
      </c>
      <c r="F980" s="10">
        <v>1</v>
      </c>
      <c r="G980" s="10">
        <v>219</v>
      </c>
    </row>
    <row r="981" spans="2:7" ht="13.5" customHeight="1" x14ac:dyDescent="0.4">
      <c r="B981" s="10" t="s">
        <v>977</v>
      </c>
      <c r="C981" s="10" t="s">
        <v>8</v>
      </c>
      <c r="D981" s="10">
        <v>30</v>
      </c>
      <c r="E981" s="10">
        <v>10</v>
      </c>
      <c r="F981" s="10">
        <v>1</v>
      </c>
      <c r="G981" s="10">
        <v>219</v>
      </c>
    </row>
    <row r="982" spans="2:7" ht="13.5" customHeight="1" x14ac:dyDescent="0.4">
      <c r="B982" s="10" t="s">
        <v>978</v>
      </c>
      <c r="C982" s="10" t="s">
        <v>8</v>
      </c>
      <c r="D982" s="10">
        <v>30</v>
      </c>
      <c r="E982" s="10">
        <v>10</v>
      </c>
      <c r="F982" s="10">
        <v>1</v>
      </c>
      <c r="G982" s="10">
        <v>219</v>
      </c>
    </row>
    <row r="983" spans="2:7" ht="13.5" customHeight="1" x14ac:dyDescent="0.4">
      <c r="B983" s="10" t="s">
        <v>979</v>
      </c>
      <c r="C983" s="10" t="s">
        <v>8</v>
      </c>
      <c r="D983" s="10">
        <v>30</v>
      </c>
      <c r="E983" s="10">
        <v>10</v>
      </c>
      <c r="F983" s="10">
        <v>1</v>
      </c>
      <c r="G983" s="10">
        <v>219</v>
      </c>
    </row>
    <row r="984" spans="2:7" ht="13.5" customHeight="1" x14ac:dyDescent="0.4">
      <c r="B984" s="10" t="s">
        <v>980</v>
      </c>
      <c r="C984" s="10" t="s">
        <v>8</v>
      </c>
      <c r="D984" s="10">
        <v>30</v>
      </c>
      <c r="E984" s="10">
        <v>10</v>
      </c>
      <c r="F984" s="10">
        <v>1</v>
      </c>
      <c r="G984" s="10">
        <v>219</v>
      </c>
    </row>
    <row r="985" spans="2:7" ht="13.5" customHeight="1" x14ac:dyDescent="0.4">
      <c r="B985" s="10" t="s">
        <v>981</v>
      </c>
      <c r="C985" s="10" t="s">
        <v>8</v>
      </c>
      <c r="D985" s="10">
        <v>30</v>
      </c>
      <c r="E985" s="10">
        <v>10</v>
      </c>
      <c r="F985" s="10">
        <v>1</v>
      </c>
      <c r="G985" s="10">
        <v>219</v>
      </c>
    </row>
    <row r="986" spans="2:7" ht="13.5" customHeight="1" x14ac:dyDescent="0.4">
      <c r="B986" s="10" t="s">
        <v>982</v>
      </c>
      <c r="C986" s="10" t="s">
        <v>8</v>
      </c>
      <c r="D986" s="10">
        <v>30</v>
      </c>
      <c r="E986" s="10">
        <v>10</v>
      </c>
      <c r="F986" s="10">
        <v>1</v>
      </c>
      <c r="G986" s="10">
        <v>219</v>
      </c>
    </row>
    <row r="987" spans="2:7" ht="13.5" customHeight="1" x14ac:dyDescent="0.4">
      <c r="B987" s="10" t="s">
        <v>983</v>
      </c>
      <c r="C987" s="10" t="s">
        <v>8</v>
      </c>
      <c r="D987" s="10">
        <v>30</v>
      </c>
      <c r="E987" s="10">
        <v>10</v>
      </c>
      <c r="F987" s="10">
        <v>1</v>
      </c>
      <c r="G987" s="10">
        <v>219</v>
      </c>
    </row>
    <row r="988" spans="2:7" ht="13.5" customHeight="1" x14ac:dyDescent="0.4">
      <c r="B988" s="10" t="s">
        <v>984</v>
      </c>
      <c r="C988" s="10" t="s">
        <v>8</v>
      </c>
      <c r="D988" s="10">
        <v>30</v>
      </c>
      <c r="E988" s="10">
        <v>10</v>
      </c>
      <c r="F988" s="10">
        <v>1</v>
      </c>
      <c r="G988" s="10">
        <v>219</v>
      </c>
    </row>
    <row r="989" spans="2:7" ht="13.5" customHeight="1" x14ac:dyDescent="0.4">
      <c r="B989" s="10" t="s">
        <v>985</v>
      </c>
      <c r="C989" s="10" t="s">
        <v>8</v>
      </c>
      <c r="D989" s="10">
        <v>30</v>
      </c>
      <c r="E989" s="10">
        <v>10</v>
      </c>
      <c r="F989" s="10">
        <v>1</v>
      </c>
      <c r="G989" s="10">
        <v>219</v>
      </c>
    </row>
    <row r="990" spans="2:7" ht="13.5" customHeight="1" x14ac:dyDescent="0.4">
      <c r="B990" s="10" t="s">
        <v>986</v>
      </c>
      <c r="C990" s="10" t="s">
        <v>8</v>
      </c>
      <c r="D990" s="10">
        <v>30</v>
      </c>
      <c r="E990" s="10">
        <v>10</v>
      </c>
      <c r="F990" s="10">
        <v>1</v>
      </c>
      <c r="G990" s="10">
        <v>219</v>
      </c>
    </row>
    <row r="991" spans="2:7" ht="13.5" customHeight="1" x14ac:dyDescent="0.4">
      <c r="B991" s="10" t="s">
        <v>987</v>
      </c>
      <c r="C991" s="10" t="s">
        <v>8</v>
      </c>
      <c r="D991" s="10">
        <v>30</v>
      </c>
      <c r="E991" s="10">
        <v>10</v>
      </c>
      <c r="F991" s="10">
        <v>1</v>
      </c>
      <c r="G991" s="10">
        <v>219</v>
      </c>
    </row>
    <row r="992" spans="2:7" ht="13.5" customHeight="1" x14ac:dyDescent="0.4">
      <c r="B992" s="10" t="s">
        <v>988</v>
      </c>
      <c r="C992" s="10" t="s">
        <v>8</v>
      </c>
      <c r="D992" s="10">
        <v>30</v>
      </c>
      <c r="E992" s="10">
        <v>10</v>
      </c>
      <c r="F992" s="10">
        <v>1</v>
      </c>
      <c r="G992" s="10">
        <v>219</v>
      </c>
    </row>
    <row r="993" spans="2:7" ht="13.5" customHeight="1" x14ac:dyDescent="0.4">
      <c r="B993" s="10" t="s">
        <v>989</v>
      </c>
      <c r="C993" s="10" t="s">
        <v>8</v>
      </c>
      <c r="D993" s="10">
        <v>30</v>
      </c>
      <c r="E993" s="10">
        <v>10</v>
      </c>
      <c r="F993" s="10">
        <v>1</v>
      </c>
      <c r="G993" s="10">
        <v>219</v>
      </c>
    </row>
    <row r="994" spans="2:7" ht="13.5" customHeight="1" x14ac:dyDescent="0.4">
      <c r="B994" s="10" t="s">
        <v>990</v>
      </c>
      <c r="C994" s="10" t="s">
        <v>8</v>
      </c>
      <c r="D994" s="10">
        <v>30</v>
      </c>
      <c r="E994" s="10">
        <v>10</v>
      </c>
      <c r="F994" s="10">
        <v>1</v>
      </c>
      <c r="G994" s="10">
        <v>219</v>
      </c>
    </row>
    <row r="995" spans="2:7" ht="13.5" customHeight="1" x14ac:dyDescent="0.4">
      <c r="B995" s="10" t="s">
        <v>991</v>
      </c>
      <c r="C995" s="10" t="s">
        <v>8</v>
      </c>
      <c r="D995" s="10">
        <v>30</v>
      </c>
      <c r="E995" s="10">
        <v>10</v>
      </c>
      <c r="F995" s="10">
        <v>1</v>
      </c>
      <c r="G995" s="10">
        <v>219</v>
      </c>
    </row>
    <row r="996" spans="2:7" ht="13.5" customHeight="1" x14ac:dyDescent="0.4">
      <c r="B996" s="10" t="s">
        <v>992</v>
      </c>
      <c r="C996" s="10" t="s">
        <v>8</v>
      </c>
      <c r="D996" s="10">
        <v>30</v>
      </c>
      <c r="E996" s="10">
        <v>10</v>
      </c>
      <c r="F996" s="10">
        <v>1</v>
      </c>
      <c r="G996" s="10">
        <v>219</v>
      </c>
    </row>
    <row r="997" spans="2:7" ht="13.5" customHeight="1" x14ac:dyDescent="0.4">
      <c r="B997" s="10" t="s">
        <v>993</v>
      </c>
      <c r="C997" s="10" t="s">
        <v>8</v>
      </c>
      <c r="D997" s="10">
        <v>30</v>
      </c>
      <c r="E997" s="10">
        <v>10</v>
      </c>
      <c r="F997" s="10">
        <v>1</v>
      </c>
      <c r="G997" s="10">
        <v>219</v>
      </c>
    </row>
    <row r="998" spans="2:7" ht="13.5" customHeight="1" x14ac:dyDescent="0.4">
      <c r="B998" s="10" t="s">
        <v>994</v>
      </c>
      <c r="C998" s="10" t="s">
        <v>8</v>
      </c>
      <c r="D998" s="10">
        <v>30</v>
      </c>
      <c r="E998" s="10">
        <v>10</v>
      </c>
      <c r="F998" s="10">
        <v>1</v>
      </c>
      <c r="G998" s="10">
        <v>219</v>
      </c>
    </row>
    <row r="999" spans="2:7" ht="13.5" customHeight="1" x14ac:dyDescent="0.4">
      <c r="B999" s="10" t="s">
        <v>995</v>
      </c>
      <c r="C999" s="10" t="s">
        <v>8</v>
      </c>
      <c r="D999" s="10">
        <v>30</v>
      </c>
      <c r="E999" s="10">
        <v>10</v>
      </c>
      <c r="F999" s="10">
        <v>1</v>
      </c>
      <c r="G999" s="10">
        <v>219</v>
      </c>
    </row>
    <row r="1000" spans="2:7" ht="13.5" customHeight="1" x14ac:dyDescent="0.4">
      <c r="B1000" s="10" t="s">
        <v>996</v>
      </c>
      <c r="C1000" s="10" t="s">
        <v>8</v>
      </c>
      <c r="D1000" s="10">
        <v>30</v>
      </c>
      <c r="E1000" s="10">
        <v>10</v>
      </c>
      <c r="F1000" s="10">
        <v>1</v>
      </c>
      <c r="G1000" s="10">
        <v>219</v>
      </c>
    </row>
    <row r="1001" spans="2:7" ht="13.5" customHeight="1" x14ac:dyDescent="0.4">
      <c r="B1001" s="10" t="s">
        <v>997</v>
      </c>
      <c r="C1001" s="10" t="s">
        <v>8</v>
      </c>
      <c r="D1001" s="10">
        <v>30</v>
      </c>
      <c r="E1001" s="10">
        <v>10</v>
      </c>
      <c r="F1001" s="10">
        <v>1</v>
      </c>
      <c r="G1001" s="10">
        <v>219</v>
      </c>
    </row>
    <row r="1002" spans="2:7" ht="13.5" customHeight="1" x14ac:dyDescent="0.4">
      <c r="B1002" s="10" t="s">
        <v>998</v>
      </c>
      <c r="C1002" s="10" t="s">
        <v>8</v>
      </c>
      <c r="D1002" s="10">
        <v>30</v>
      </c>
      <c r="E1002" s="10">
        <v>10</v>
      </c>
      <c r="F1002" s="10">
        <v>1</v>
      </c>
      <c r="G1002" s="10">
        <v>219</v>
      </c>
    </row>
    <row r="1003" spans="2:7" ht="13.5" customHeight="1" x14ac:dyDescent="0.4">
      <c r="B1003" s="10" t="s">
        <v>999</v>
      </c>
      <c r="C1003" s="10" t="s">
        <v>8</v>
      </c>
      <c r="D1003" s="10">
        <v>30</v>
      </c>
      <c r="E1003" s="10">
        <v>10</v>
      </c>
      <c r="F1003" s="10">
        <v>1</v>
      </c>
      <c r="G1003" s="10">
        <v>219</v>
      </c>
    </row>
    <row r="1004" spans="2:7" ht="13.5" customHeight="1" x14ac:dyDescent="0.4">
      <c r="B1004" s="10" t="s">
        <v>1000</v>
      </c>
      <c r="C1004" s="10" t="s">
        <v>8</v>
      </c>
      <c r="D1004" s="10">
        <v>30</v>
      </c>
      <c r="E1004" s="10">
        <v>10</v>
      </c>
      <c r="F1004" s="10">
        <v>1</v>
      </c>
      <c r="G1004" s="10">
        <v>219</v>
      </c>
    </row>
    <row r="1005" spans="2:7" ht="13.5" customHeight="1" x14ac:dyDescent="0.4">
      <c r="B1005" s="10" t="s">
        <v>1001</v>
      </c>
      <c r="C1005" s="10" t="s">
        <v>8</v>
      </c>
      <c r="D1005" s="10">
        <v>30</v>
      </c>
      <c r="E1005" s="10">
        <v>10</v>
      </c>
      <c r="F1005" s="10">
        <v>1</v>
      </c>
      <c r="G1005" s="10">
        <v>219</v>
      </c>
    </row>
    <row r="1006" spans="2:7" ht="13.5" customHeight="1" x14ac:dyDescent="0.4">
      <c r="B1006" s="10" t="s">
        <v>1002</v>
      </c>
      <c r="C1006" s="10" t="s">
        <v>8</v>
      </c>
      <c r="D1006" s="10">
        <v>30</v>
      </c>
      <c r="E1006" s="10">
        <v>10</v>
      </c>
      <c r="F1006" s="10">
        <v>1</v>
      </c>
      <c r="G1006" s="10">
        <v>219</v>
      </c>
    </row>
    <row r="1007" spans="2:7" ht="13.5" customHeight="1" x14ac:dyDescent="0.4">
      <c r="B1007" s="10" t="s">
        <v>1003</v>
      </c>
      <c r="C1007" s="10" t="s">
        <v>8</v>
      </c>
      <c r="D1007" s="10">
        <v>30</v>
      </c>
      <c r="E1007" s="10">
        <v>10</v>
      </c>
      <c r="F1007" s="10">
        <v>1</v>
      </c>
      <c r="G1007" s="10">
        <v>219</v>
      </c>
    </row>
    <row r="1008" spans="2:7" ht="13.5" customHeight="1" x14ac:dyDescent="0.4">
      <c r="B1008" s="10" t="s">
        <v>1004</v>
      </c>
      <c r="C1008" s="10" t="s">
        <v>8</v>
      </c>
      <c r="D1008" s="10">
        <v>30</v>
      </c>
      <c r="E1008" s="10">
        <v>10</v>
      </c>
      <c r="F1008" s="10">
        <v>1</v>
      </c>
      <c r="G1008" s="10">
        <v>219</v>
      </c>
    </row>
    <row r="1009" spans="2:7" ht="13.5" customHeight="1" x14ac:dyDescent="0.4">
      <c r="B1009" s="10" t="s">
        <v>1005</v>
      </c>
      <c r="C1009" s="10" t="s">
        <v>8</v>
      </c>
      <c r="D1009" s="10">
        <v>30</v>
      </c>
      <c r="E1009" s="10">
        <v>10</v>
      </c>
      <c r="F1009" s="10">
        <v>1</v>
      </c>
      <c r="G1009" s="10">
        <v>219</v>
      </c>
    </row>
    <row r="1010" spans="2:7" ht="13.5" customHeight="1" x14ac:dyDescent="0.4">
      <c r="B1010" s="10" t="s">
        <v>1006</v>
      </c>
      <c r="C1010" s="10" t="s">
        <v>8</v>
      </c>
      <c r="D1010" s="10">
        <v>30</v>
      </c>
      <c r="E1010" s="10">
        <v>10</v>
      </c>
      <c r="F1010" s="10">
        <v>1</v>
      </c>
      <c r="G1010" s="10">
        <v>219</v>
      </c>
    </row>
    <row r="1011" spans="2:7" ht="13.5" customHeight="1" x14ac:dyDescent="0.4">
      <c r="B1011" s="10" t="s">
        <v>1007</v>
      </c>
      <c r="C1011" s="10" t="s">
        <v>8</v>
      </c>
      <c r="D1011" s="10">
        <v>30</v>
      </c>
      <c r="E1011" s="10">
        <v>10</v>
      </c>
      <c r="F1011" s="10">
        <v>1</v>
      </c>
      <c r="G1011" s="10">
        <v>219</v>
      </c>
    </row>
    <row r="1012" spans="2:7" ht="13.5" customHeight="1" x14ac:dyDescent="0.4">
      <c r="B1012" s="10" t="s">
        <v>187</v>
      </c>
      <c r="C1012" s="10" t="s">
        <v>8</v>
      </c>
      <c r="D1012" s="10">
        <v>30</v>
      </c>
      <c r="E1012" s="10">
        <v>10</v>
      </c>
      <c r="F1012" s="10">
        <v>1</v>
      </c>
      <c r="G1012" s="10">
        <v>219</v>
      </c>
    </row>
    <row r="1013" spans="2:7" ht="13.5" customHeight="1" x14ac:dyDescent="0.4">
      <c r="B1013" s="10" t="s">
        <v>1008</v>
      </c>
      <c r="C1013" s="10" t="s">
        <v>8</v>
      </c>
      <c r="D1013" s="10">
        <v>30</v>
      </c>
      <c r="E1013" s="10">
        <v>10</v>
      </c>
      <c r="F1013" s="10">
        <v>1</v>
      </c>
      <c r="G1013" s="10">
        <v>219</v>
      </c>
    </row>
    <row r="1014" spans="2:7" ht="13.5" customHeight="1" x14ac:dyDescent="0.4">
      <c r="B1014" s="10" t="s">
        <v>1009</v>
      </c>
      <c r="C1014" s="10" t="s">
        <v>8</v>
      </c>
      <c r="D1014" s="10">
        <v>30</v>
      </c>
      <c r="E1014" s="10">
        <v>10</v>
      </c>
      <c r="F1014" s="10">
        <v>1</v>
      </c>
      <c r="G1014" s="10">
        <v>219</v>
      </c>
    </row>
    <row r="1015" spans="2:7" ht="13.5" customHeight="1" x14ac:dyDescent="0.4">
      <c r="B1015" s="10" t="s">
        <v>1010</v>
      </c>
      <c r="C1015" s="10" t="s">
        <v>8</v>
      </c>
      <c r="D1015" s="10">
        <v>30</v>
      </c>
      <c r="E1015" s="10">
        <v>10</v>
      </c>
      <c r="F1015" s="10">
        <v>1</v>
      </c>
      <c r="G1015" s="10">
        <v>219</v>
      </c>
    </row>
    <row r="1016" spans="2:7" ht="13.5" customHeight="1" x14ac:dyDescent="0.4">
      <c r="B1016" s="10" t="s">
        <v>1011</v>
      </c>
      <c r="C1016" s="10" t="s">
        <v>8</v>
      </c>
      <c r="D1016" s="10">
        <v>30</v>
      </c>
      <c r="E1016" s="10">
        <v>10</v>
      </c>
      <c r="F1016" s="10">
        <v>1</v>
      </c>
      <c r="G1016" s="10">
        <v>219</v>
      </c>
    </row>
    <row r="1017" spans="2:7" ht="13.5" customHeight="1" x14ac:dyDescent="0.4">
      <c r="B1017" s="10" t="s">
        <v>1012</v>
      </c>
      <c r="C1017" s="10" t="s">
        <v>8</v>
      </c>
      <c r="D1017" s="10">
        <v>30</v>
      </c>
      <c r="E1017" s="10">
        <v>10</v>
      </c>
      <c r="F1017" s="10">
        <v>1</v>
      </c>
      <c r="G1017" s="10">
        <v>219</v>
      </c>
    </row>
    <row r="1018" spans="2:7" ht="13.5" customHeight="1" x14ac:dyDescent="0.4">
      <c r="B1018" s="10" t="s">
        <v>1013</v>
      </c>
      <c r="C1018" s="10" t="s">
        <v>8</v>
      </c>
      <c r="D1018" s="10">
        <v>30</v>
      </c>
      <c r="E1018" s="10">
        <v>10</v>
      </c>
      <c r="F1018" s="10">
        <v>1</v>
      </c>
      <c r="G1018" s="10">
        <v>219</v>
      </c>
    </row>
    <row r="1019" spans="2:7" ht="13.5" customHeight="1" x14ac:dyDescent="0.4">
      <c r="B1019" s="10" t="s">
        <v>1014</v>
      </c>
      <c r="C1019" s="10" t="s">
        <v>8</v>
      </c>
      <c r="D1019" s="10">
        <v>30</v>
      </c>
      <c r="E1019" s="10">
        <v>10</v>
      </c>
      <c r="F1019" s="10">
        <v>1</v>
      </c>
      <c r="G1019" s="10">
        <v>219</v>
      </c>
    </row>
    <row r="1020" spans="2:7" ht="13.5" customHeight="1" x14ac:dyDescent="0.4">
      <c r="B1020" s="10" t="s">
        <v>1015</v>
      </c>
      <c r="C1020" s="10" t="s">
        <v>8</v>
      </c>
      <c r="D1020" s="10">
        <v>30</v>
      </c>
      <c r="E1020" s="10">
        <v>10</v>
      </c>
      <c r="F1020" s="10">
        <v>1</v>
      </c>
      <c r="G1020" s="10">
        <v>219</v>
      </c>
    </row>
    <row r="1021" spans="2:7" ht="13.5" customHeight="1" x14ac:dyDescent="0.4">
      <c r="B1021" s="10" t="s">
        <v>1016</v>
      </c>
      <c r="C1021" s="10" t="s">
        <v>8</v>
      </c>
      <c r="D1021" s="10">
        <v>30</v>
      </c>
      <c r="E1021" s="10">
        <v>10</v>
      </c>
      <c r="F1021" s="10">
        <v>1</v>
      </c>
      <c r="G1021" s="10">
        <v>219</v>
      </c>
    </row>
    <row r="1022" spans="2:7" ht="13.5" customHeight="1" x14ac:dyDescent="0.4">
      <c r="B1022" s="10" t="s">
        <v>1017</v>
      </c>
      <c r="C1022" s="10" t="s">
        <v>8</v>
      </c>
      <c r="D1022" s="10">
        <v>30</v>
      </c>
      <c r="E1022" s="10">
        <v>10</v>
      </c>
      <c r="F1022" s="10">
        <v>1</v>
      </c>
      <c r="G1022" s="10">
        <v>219</v>
      </c>
    </row>
    <row r="1023" spans="2:7" ht="13.5" customHeight="1" x14ac:dyDescent="0.4">
      <c r="B1023" s="10" t="s">
        <v>1018</v>
      </c>
      <c r="C1023" s="10" t="s">
        <v>8</v>
      </c>
      <c r="D1023" s="10">
        <v>30</v>
      </c>
      <c r="E1023" s="10">
        <v>10</v>
      </c>
      <c r="F1023" s="10">
        <v>1</v>
      </c>
      <c r="G1023" s="10">
        <v>219</v>
      </c>
    </row>
    <row r="1024" spans="2:7" ht="13.5" customHeight="1" x14ac:dyDescent="0.4">
      <c r="B1024" s="10" t="s">
        <v>1019</v>
      </c>
      <c r="C1024" s="10" t="s">
        <v>8</v>
      </c>
      <c r="D1024" s="10">
        <v>30</v>
      </c>
      <c r="E1024" s="10">
        <v>10</v>
      </c>
      <c r="F1024" s="10">
        <v>1</v>
      </c>
      <c r="G1024" s="10">
        <v>219</v>
      </c>
    </row>
    <row r="1025" spans="2:7" ht="13.5" customHeight="1" x14ac:dyDescent="0.4">
      <c r="B1025" s="10" t="s">
        <v>1020</v>
      </c>
      <c r="C1025" s="10" t="s">
        <v>8</v>
      </c>
      <c r="D1025" s="10">
        <v>30</v>
      </c>
      <c r="E1025" s="10">
        <v>10</v>
      </c>
      <c r="F1025" s="10">
        <v>1</v>
      </c>
      <c r="G1025" s="10">
        <v>219</v>
      </c>
    </row>
    <row r="1026" spans="2:7" ht="13.5" customHeight="1" x14ac:dyDescent="0.4">
      <c r="B1026" s="10" t="s">
        <v>1021</v>
      </c>
      <c r="C1026" s="10" t="s">
        <v>8</v>
      </c>
      <c r="D1026" s="10">
        <v>30</v>
      </c>
      <c r="E1026" s="10">
        <v>10</v>
      </c>
      <c r="F1026" s="10">
        <v>1</v>
      </c>
      <c r="G1026" s="10">
        <v>219</v>
      </c>
    </row>
    <row r="1027" spans="2:7" ht="13.5" customHeight="1" x14ac:dyDescent="0.4">
      <c r="B1027" s="10" t="s">
        <v>1022</v>
      </c>
      <c r="C1027" s="10" t="s">
        <v>8</v>
      </c>
      <c r="D1027" s="10">
        <v>30</v>
      </c>
      <c r="E1027" s="10">
        <v>10</v>
      </c>
      <c r="F1027" s="10">
        <v>1</v>
      </c>
      <c r="G1027" s="10">
        <v>219</v>
      </c>
    </row>
    <row r="1028" spans="2:7" ht="13.5" customHeight="1" x14ac:dyDescent="0.4">
      <c r="B1028" s="10" t="s">
        <v>1023</v>
      </c>
      <c r="C1028" s="10" t="s">
        <v>8</v>
      </c>
      <c r="D1028" s="10">
        <v>30</v>
      </c>
      <c r="E1028" s="10">
        <v>10</v>
      </c>
      <c r="F1028" s="10">
        <v>1</v>
      </c>
      <c r="G1028" s="10">
        <v>219</v>
      </c>
    </row>
    <row r="1029" spans="2:7" ht="13.5" customHeight="1" x14ac:dyDescent="0.4">
      <c r="B1029" s="10" t="s">
        <v>1024</v>
      </c>
      <c r="C1029" s="10" t="s">
        <v>8</v>
      </c>
      <c r="D1029" s="10">
        <v>30</v>
      </c>
      <c r="E1029" s="10">
        <v>10</v>
      </c>
      <c r="F1029" s="10">
        <v>1</v>
      </c>
      <c r="G1029" s="10">
        <v>219</v>
      </c>
    </row>
    <row r="1030" spans="2:7" ht="13.5" customHeight="1" x14ac:dyDescent="0.4">
      <c r="B1030" s="10" t="s">
        <v>1025</v>
      </c>
      <c r="C1030" s="10" t="s">
        <v>8</v>
      </c>
      <c r="D1030" s="10">
        <v>30</v>
      </c>
      <c r="E1030" s="10">
        <v>10</v>
      </c>
      <c r="F1030" s="10">
        <v>1</v>
      </c>
      <c r="G1030" s="10">
        <v>219</v>
      </c>
    </row>
    <row r="1031" spans="2:7" ht="13.5" customHeight="1" x14ac:dyDescent="0.4">
      <c r="B1031" s="10" t="s">
        <v>1026</v>
      </c>
      <c r="C1031" s="10" t="s">
        <v>8</v>
      </c>
      <c r="D1031" s="10">
        <v>30</v>
      </c>
      <c r="E1031" s="10">
        <v>10</v>
      </c>
      <c r="F1031" s="10">
        <v>1</v>
      </c>
      <c r="G1031" s="10">
        <v>219</v>
      </c>
    </row>
    <row r="1032" spans="2:7" ht="13.5" customHeight="1" x14ac:dyDescent="0.4">
      <c r="B1032" s="10" t="s">
        <v>1027</v>
      </c>
      <c r="C1032" s="10" t="s">
        <v>8</v>
      </c>
      <c r="D1032" s="10">
        <v>30</v>
      </c>
      <c r="E1032" s="10">
        <v>10</v>
      </c>
      <c r="F1032" s="10">
        <v>1</v>
      </c>
      <c r="G1032" s="10">
        <v>219</v>
      </c>
    </row>
    <row r="1033" spans="2:7" ht="13.5" customHeight="1" x14ac:dyDescent="0.4">
      <c r="B1033" s="10" t="s">
        <v>1028</v>
      </c>
      <c r="C1033" s="10" t="s">
        <v>8</v>
      </c>
      <c r="D1033" s="10">
        <v>30</v>
      </c>
      <c r="E1033" s="10">
        <v>10</v>
      </c>
      <c r="F1033" s="10">
        <v>1</v>
      </c>
      <c r="G1033" s="10">
        <v>219</v>
      </c>
    </row>
    <row r="1034" spans="2:7" ht="13.5" customHeight="1" x14ac:dyDescent="0.4">
      <c r="B1034" s="10" t="s">
        <v>1029</v>
      </c>
      <c r="C1034" s="10" t="s">
        <v>8</v>
      </c>
      <c r="D1034" s="10">
        <v>30</v>
      </c>
      <c r="E1034" s="10">
        <v>10</v>
      </c>
      <c r="F1034" s="10">
        <v>1</v>
      </c>
      <c r="G1034" s="10">
        <v>219</v>
      </c>
    </row>
    <row r="1035" spans="2:7" ht="13.5" customHeight="1" x14ac:dyDescent="0.4">
      <c r="B1035" s="10" t="s">
        <v>1030</v>
      </c>
      <c r="C1035" s="10" t="s">
        <v>8</v>
      </c>
      <c r="D1035" s="10">
        <v>30</v>
      </c>
      <c r="E1035" s="10">
        <v>10</v>
      </c>
      <c r="F1035" s="10">
        <v>1</v>
      </c>
      <c r="G1035" s="10">
        <v>219</v>
      </c>
    </row>
    <row r="1036" spans="2:7" ht="13.5" customHeight="1" x14ac:dyDescent="0.4">
      <c r="B1036" s="10" t="s">
        <v>1031</v>
      </c>
      <c r="C1036" s="10" t="s">
        <v>8</v>
      </c>
      <c r="D1036" s="10">
        <v>30</v>
      </c>
      <c r="E1036" s="10">
        <v>10</v>
      </c>
      <c r="F1036" s="10">
        <v>1</v>
      </c>
      <c r="G1036" s="10">
        <v>219</v>
      </c>
    </row>
    <row r="1037" spans="2:7" ht="13.5" customHeight="1" x14ac:dyDescent="0.4">
      <c r="B1037" s="10" t="s">
        <v>1032</v>
      </c>
      <c r="C1037" s="10" t="s">
        <v>8</v>
      </c>
      <c r="D1037" s="10">
        <v>30</v>
      </c>
      <c r="E1037" s="10">
        <v>10</v>
      </c>
      <c r="F1037" s="10">
        <v>1</v>
      </c>
      <c r="G1037" s="10">
        <v>219</v>
      </c>
    </row>
    <row r="1038" spans="2:7" ht="13.5" customHeight="1" x14ac:dyDescent="0.4">
      <c r="B1038" s="10" t="s">
        <v>1033</v>
      </c>
      <c r="C1038" s="10" t="s">
        <v>8</v>
      </c>
      <c r="D1038" s="10">
        <v>30</v>
      </c>
      <c r="E1038" s="10">
        <v>10</v>
      </c>
      <c r="F1038" s="10">
        <v>1</v>
      </c>
      <c r="G1038" s="10">
        <v>219</v>
      </c>
    </row>
    <row r="1039" spans="2:7" ht="13.5" customHeight="1" x14ac:dyDescent="0.4">
      <c r="B1039" s="10" t="s">
        <v>1034</v>
      </c>
      <c r="C1039" s="10" t="s">
        <v>8</v>
      </c>
      <c r="D1039" s="10">
        <v>30</v>
      </c>
      <c r="E1039" s="10">
        <v>10</v>
      </c>
      <c r="F1039" s="10">
        <v>1</v>
      </c>
      <c r="G1039" s="10">
        <v>219</v>
      </c>
    </row>
    <row r="1040" spans="2:7" ht="13.5" customHeight="1" x14ac:dyDescent="0.4">
      <c r="B1040" s="10" t="s">
        <v>1035</v>
      </c>
      <c r="C1040" s="10" t="s">
        <v>8</v>
      </c>
      <c r="D1040" s="10">
        <v>30</v>
      </c>
      <c r="E1040" s="10">
        <v>10</v>
      </c>
      <c r="F1040" s="10">
        <v>1</v>
      </c>
      <c r="G1040" s="10">
        <v>219</v>
      </c>
    </row>
    <row r="1041" spans="2:7" ht="13.5" customHeight="1" x14ac:dyDescent="0.4">
      <c r="B1041" s="10" t="s">
        <v>1036</v>
      </c>
      <c r="C1041" s="10" t="s">
        <v>8</v>
      </c>
      <c r="D1041" s="10">
        <v>30</v>
      </c>
      <c r="E1041" s="10">
        <v>10</v>
      </c>
      <c r="F1041" s="10">
        <v>1</v>
      </c>
      <c r="G1041" s="10">
        <v>219</v>
      </c>
    </row>
    <row r="1042" spans="2:7" ht="13.5" customHeight="1" x14ac:dyDescent="0.4">
      <c r="B1042" s="10" t="s">
        <v>1037</v>
      </c>
      <c r="C1042" s="10" t="s">
        <v>8</v>
      </c>
      <c r="D1042" s="10">
        <v>30</v>
      </c>
      <c r="E1042" s="10">
        <v>10</v>
      </c>
      <c r="F1042" s="10">
        <v>1</v>
      </c>
      <c r="G1042" s="10">
        <v>219</v>
      </c>
    </row>
    <row r="1043" spans="2:7" ht="13.5" customHeight="1" x14ac:dyDescent="0.4">
      <c r="B1043" s="10" t="s">
        <v>1038</v>
      </c>
      <c r="C1043" s="10" t="s">
        <v>8</v>
      </c>
      <c r="D1043" s="10">
        <v>30</v>
      </c>
      <c r="E1043" s="10">
        <v>10</v>
      </c>
      <c r="F1043" s="10">
        <v>1</v>
      </c>
      <c r="G1043" s="10">
        <v>219</v>
      </c>
    </row>
    <row r="1044" spans="2:7" ht="13.5" customHeight="1" x14ac:dyDescent="0.4">
      <c r="B1044" s="10" t="s">
        <v>1039</v>
      </c>
      <c r="C1044" s="10" t="s">
        <v>8</v>
      </c>
      <c r="D1044" s="10">
        <v>30</v>
      </c>
      <c r="E1044" s="10">
        <v>10</v>
      </c>
      <c r="F1044" s="10">
        <v>1</v>
      </c>
      <c r="G1044" s="10">
        <v>219</v>
      </c>
    </row>
    <row r="1045" spans="2:7" ht="13.5" customHeight="1" x14ac:dyDescent="0.4">
      <c r="B1045" s="10" t="s">
        <v>1040</v>
      </c>
      <c r="C1045" s="10" t="s">
        <v>8</v>
      </c>
      <c r="D1045" s="10">
        <v>30</v>
      </c>
      <c r="E1045" s="10">
        <v>10</v>
      </c>
      <c r="F1045" s="10">
        <v>1</v>
      </c>
      <c r="G1045" s="10">
        <v>219</v>
      </c>
    </row>
    <row r="1046" spans="2:7" ht="13.5" customHeight="1" x14ac:dyDescent="0.4">
      <c r="B1046" s="10" t="s">
        <v>1041</v>
      </c>
      <c r="C1046" s="10" t="s">
        <v>8</v>
      </c>
      <c r="D1046" s="10">
        <v>30</v>
      </c>
      <c r="E1046" s="10">
        <v>10</v>
      </c>
      <c r="F1046" s="10">
        <v>1</v>
      </c>
      <c r="G1046" s="10">
        <v>219</v>
      </c>
    </row>
    <row r="1047" spans="2:7" ht="13.5" customHeight="1" x14ac:dyDescent="0.4">
      <c r="B1047" s="10" t="s">
        <v>1042</v>
      </c>
      <c r="C1047" s="10" t="s">
        <v>8</v>
      </c>
      <c r="D1047" s="10">
        <v>30</v>
      </c>
      <c r="E1047" s="10">
        <v>10</v>
      </c>
      <c r="F1047" s="10">
        <v>1</v>
      </c>
      <c r="G1047" s="10">
        <v>219</v>
      </c>
    </row>
    <row r="1048" spans="2:7" ht="13.5" customHeight="1" x14ac:dyDescent="0.4">
      <c r="B1048" s="10" t="s">
        <v>1043</v>
      </c>
      <c r="C1048" s="10" t="s">
        <v>8</v>
      </c>
      <c r="D1048" s="10">
        <v>30</v>
      </c>
      <c r="E1048" s="10">
        <v>10</v>
      </c>
      <c r="F1048" s="10">
        <v>1</v>
      </c>
      <c r="G1048" s="10">
        <v>219</v>
      </c>
    </row>
    <row r="1049" spans="2:7" ht="13.5" customHeight="1" x14ac:dyDescent="0.4">
      <c r="B1049" s="10" t="s">
        <v>1044</v>
      </c>
      <c r="C1049" s="10" t="s">
        <v>8</v>
      </c>
      <c r="D1049" s="10">
        <v>30</v>
      </c>
      <c r="E1049" s="10">
        <v>10</v>
      </c>
      <c r="F1049" s="10">
        <v>1</v>
      </c>
      <c r="G1049" s="10">
        <v>219</v>
      </c>
    </row>
    <row r="1050" spans="2:7" ht="13.5" customHeight="1" x14ac:dyDescent="0.4">
      <c r="B1050" s="10" t="s">
        <v>1045</v>
      </c>
      <c r="C1050" s="10" t="s">
        <v>8</v>
      </c>
      <c r="D1050" s="10">
        <v>30</v>
      </c>
      <c r="E1050" s="10">
        <v>10</v>
      </c>
      <c r="F1050" s="10">
        <v>1</v>
      </c>
      <c r="G1050" s="10">
        <v>219</v>
      </c>
    </row>
    <row r="1051" spans="2:7" ht="13.5" customHeight="1" x14ac:dyDescent="0.4">
      <c r="B1051" s="10" t="s">
        <v>1046</v>
      </c>
      <c r="C1051" s="10" t="s">
        <v>8</v>
      </c>
      <c r="D1051" s="10">
        <v>30</v>
      </c>
      <c r="E1051" s="10">
        <v>10</v>
      </c>
      <c r="F1051" s="10">
        <v>1</v>
      </c>
      <c r="G1051" s="10">
        <v>219</v>
      </c>
    </row>
    <row r="1052" spans="2:7" ht="13.5" customHeight="1" x14ac:dyDescent="0.4">
      <c r="B1052" s="10" t="s">
        <v>1047</v>
      </c>
      <c r="C1052" s="10" t="s">
        <v>8</v>
      </c>
      <c r="D1052" s="10">
        <v>30</v>
      </c>
      <c r="E1052" s="10">
        <v>10</v>
      </c>
      <c r="F1052" s="10">
        <v>1</v>
      </c>
      <c r="G1052" s="10">
        <v>219</v>
      </c>
    </row>
    <row r="1053" spans="2:7" ht="13.5" customHeight="1" x14ac:dyDescent="0.4">
      <c r="B1053" s="10" t="s">
        <v>1048</v>
      </c>
      <c r="C1053" s="10" t="s">
        <v>8</v>
      </c>
      <c r="D1053" s="10">
        <v>30</v>
      </c>
      <c r="E1053" s="10">
        <v>11</v>
      </c>
      <c r="F1053" s="10">
        <v>1</v>
      </c>
      <c r="G1053" s="10">
        <v>220</v>
      </c>
    </row>
    <row r="1054" spans="2:7" ht="13.5" customHeight="1" x14ac:dyDescent="0.4">
      <c r="B1054" s="10" t="s">
        <v>1049</v>
      </c>
      <c r="C1054" s="10" t="s">
        <v>8</v>
      </c>
      <c r="D1054" s="10">
        <v>30</v>
      </c>
      <c r="E1054" s="10">
        <v>11</v>
      </c>
      <c r="F1054" s="10">
        <v>1</v>
      </c>
      <c r="G1054" s="10">
        <v>220</v>
      </c>
    </row>
    <row r="1055" spans="2:7" ht="13.5" customHeight="1" x14ac:dyDescent="0.4">
      <c r="B1055" s="10" t="s">
        <v>1050</v>
      </c>
      <c r="C1055" s="10" t="s">
        <v>8</v>
      </c>
      <c r="D1055" s="10">
        <v>30</v>
      </c>
      <c r="E1055" s="10">
        <v>11</v>
      </c>
      <c r="F1055" s="10">
        <v>1</v>
      </c>
      <c r="G1055" s="10">
        <v>220</v>
      </c>
    </row>
    <row r="1056" spans="2:7" ht="13.5" customHeight="1" x14ac:dyDescent="0.4">
      <c r="B1056" s="10" t="s">
        <v>1051</v>
      </c>
      <c r="C1056" s="10" t="s">
        <v>8</v>
      </c>
      <c r="D1056" s="10">
        <v>30</v>
      </c>
      <c r="E1056" s="10">
        <v>11</v>
      </c>
      <c r="F1056" s="10">
        <v>1</v>
      </c>
      <c r="G1056" s="10">
        <v>220</v>
      </c>
    </row>
    <row r="1057" spans="2:7" ht="13.5" customHeight="1" x14ac:dyDescent="0.4">
      <c r="B1057" s="10" t="s">
        <v>1052</v>
      </c>
      <c r="C1057" s="10" t="s">
        <v>8</v>
      </c>
      <c r="D1057" s="10">
        <v>30</v>
      </c>
      <c r="E1057" s="10">
        <v>11</v>
      </c>
      <c r="F1057" s="10">
        <v>1</v>
      </c>
      <c r="G1057" s="10">
        <v>220</v>
      </c>
    </row>
    <row r="1058" spans="2:7" ht="13.5" customHeight="1" x14ac:dyDescent="0.4">
      <c r="B1058" s="10" t="s">
        <v>1053</v>
      </c>
      <c r="C1058" s="10" t="s">
        <v>8</v>
      </c>
      <c r="D1058" s="10">
        <v>30</v>
      </c>
      <c r="E1058" s="10">
        <v>11</v>
      </c>
      <c r="F1058" s="10">
        <v>1</v>
      </c>
      <c r="G1058" s="10">
        <v>220</v>
      </c>
    </row>
    <row r="1059" spans="2:7" ht="13.5" customHeight="1" x14ac:dyDescent="0.4">
      <c r="B1059" s="10" t="s">
        <v>1054</v>
      </c>
      <c r="C1059" s="10" t="s">
        <v>8</v>
      </c>
      <c r="D1059" s="10">
        <v>30</v>
      </c>
      <c r="E1059" s="10">
        <v>11</v>
      </c>
      <c r="F1059" s="10">
        <v>1</v>
      </c>
      <c r="G1059" s="10">
        <v>220</v>
      </c>
    </row>
    <row r="1060" spans="2:7" ht="13.5" customHeight="1" x14ac:dyDescent="0.4">
      <c r="B1060" s="10" t="s">
        <v>1055</v>
      </c>
      <c r="C1060" s="10" t="s">
        <v>8</v>
      </c>
      <c r="D1060" s="10">
        <v>30</v>
      </c>
      <c r="E1060" s="10">
        <v>11</v>
      </c>
      <c r="F1060" s="10">
        <v>1</v>
      </c>
      <c r="G1060" s="10">
        <v>220</v>
      </c>
    </row>
    <row r="1061" spans="2:7" ht="13.5" customHeight="1" x14ac:dyDescent="0.4">
      <c r="B1061" s="10" t="s">
        <v>1056</v>
      </c>
      <c r="C1061" s="10" t="s">
        <v>8</v>
      </c>
      <c r="D1061" s="10">
        <v>30</v>
      </c>
      <c r="E1061" s="10">
        <v>11</v>
      </c>
      <c r="F1061" s="10">
        <v>1</v>
      </c>
      <c r="G1061" s="10">
        <v>220</v>
      </c>
    </row>
    <row r="1062" spans="2:7" ht="13.5" customHeight="1" x14ac:dyDescent="0.4">
      <c r="B1062" s="10" t="s">
        <v>1057</v>
      </c>
      <c r="C1062" s="10" t="s">
        <v>8</v>
      </c>
      <c r="D1062" s="10">
        <v>30</v>
      </c>
      <c r="E1062" s="10">
        <v>11</v>
      </c>
      <c r="F1062" s="10">
        <v>1</v>
      </c>
      <c r="G1062" s="10">
        <v>220</v>
      </c>
    </row>
    <row r="1063" spans="2:7" ht="13.5" customHeight="1" x14ac:dyDescent="0.4">
      <c r="B1063" s="10" t="s">
        <v>1058</v>
      </c>
      <c r="C1063" s="10" t="s">
        <v>8</v>
      </c>
      <c r="D1063" s="10">
        <v>30</v>
      </c>
      <c r="E1063" s="10">
        <v>11</v>
      </c>
      <c r="F1063" s="10">
        <v>1</v>
      </c>
      <c r="G1063" s="10">
        <v>220</v>
      </c>
    </row>
    <row r="1064" spans="2:7" ht="13.5" customHeight="1" x14ac:dyDescent="0.4">
      <c r="B1064" s="10" t="s">
        <v>1059</v>
      </c>
      <c r="C1064" s="10" t="s">
        <v>8</v>
      </c>
      <c r="D1064" s="10">
        <v>30</v>
      </c>
      <c r="E1064" s="10">
        <v>11</v>
      </c>
      <c r="F1064" s="10">
        <v>1</v>
      </c>
      <c r="G1064" s="10">
        <v>220</v>
      </c>
    </row>
    <row r="1065" spans="2:7" ht="13.5" customHeight="1" x14ac:dyDescent="0.4">
      <c r="B1065" s="10" t="s">
        <v>1060</v>
      </c>
      <c r="C1065" s="10" t="s">
        <v>8</v>
      </c>
      <c r="D1065" s="10">
        <v>30</v>
      </c>
      <c r="E1065" s="10">
        <v>11</v>
      </c>
      <c r="F1065" s="10">
        <v>1</v>
      </c>
      <c r="G1065" s="10">
        <v>220</v>
      </c>
    </row>
    <row r="1066" spans="2:7" ht="13.5" customHeight="1" x14ac:dyDescent="0.4">
      <c r="B1066" s="10" t="s">
        <v>1061</v>
      </c>
      <c r="C1066" s="10" t="s">
        <v>8</v>
      </c>
      <c r="D1066" s="10">
        <v>30</v>
      </c>
      <c r="E1066" s="10">
        <v>11</v>
      </c>
      <c r="F1066" s="10">
        <v>1</v>
      </c>
      <c r="G1066" s="10">
        <v>220</v>
      </c>
    </row>
    <row r="1067" spans="2:7" ht="13.5" customHeight="1" x14ac:dyDescent="0.4">
      <c r="B1067" s="10" t="s">
        <v>1062</v>
      </c>
      <c r="C1067" s="10" t="s">
        <v>8</v>
      </c>
      <c r="D1067" s="10">
        <v>30</v>
      </c>
      <c r="E1067" s="10">
        <v>11</v>
      </c>
      <c r="F1067" s="10">
        <v>1</v>
      </c>
      <c r="G1067" s="10">
        <v>220</v>
      </c>
    </row>
    <row r="1068" spans="2:7" ht="13.5" customHeight="1" x14ac:dyDescent="0.4">
      <c r="B1068" s="10" t="s">
        <v>1063</v>
      </c>
      <c r="C1068" s="10" t="s">
        <v>8</v>
      </c>
      <c r="D1068" s="10">
        <v>30</v>
      </c>
      <c r="E1068" s="10">
        <v>11</v>
      </c>
      <c r="F1068" s="10">
        <v>1</v>
      </c>
      <c r="G1068" s="10">
        <v>220</v>
      </c>
    </row>
    <row r="1069" spans="2:7" ht="13.5" customHeight="1" x14ac:dyDescent="0.4">
      <c r="B1069" s="10" t="s">
        <v>1064</v>
      </c>
      <c r="C1069" s="10" t="s">
        <v>8</v>
      </c>
      <c r="D1069" s="10">
        <v>30</v>
      </c>
      <c r="E1069" s="10">
        <v>11</v>
      </c>
      <c r="F1069" s="10">
        <v>1</v>
      </c>
      <c r="G1069" s="10">
        <v>220</v>
      </c>
    </row>
    <row r="1070" spans="2:7" ht="13.5" customHeight="1" x14ac:dyDescent="0.4">
      <c r="B1070" s="10" t="s">
        <v>1065</v>
      </c>
      <c r="C1070" s="10" t="s">
        <v>8</v>
      </c>
      <c r="D1070" s="10">
        <v>30</v>
      </c>
      <c r="E1070" s="10">
        <v>11</v>
      </c>
      <c r="F1070" s="10">
        <v>1</v>
      </c>
      <c r="G1070" s="10">
        <v>220</v>
      </c>
    </row>
    <row r="1071" spans="2:7" ht="13.5" customHeight="1" x14ac:dyDescent="0.4">
      <c r="B1071" s="10" t="s">
        <v>1066</v>
      </c>
      <c r="C1071" s="10" t="s">
        <v>8</v>
      </c>
      <c r="D1071" s="10">
        <v>30</v>
      </c>
      <c r="E1071" s="10">
        <v>11</v>
      </c>
      <c r="F1071" s="10">
        <v>1</v>
      </c>
      <c r="G1071" s="10">
        <v>220</v>
      </c>
    </row>
    <row r="1072" spans="2:7" ht="13.5" customHeight="1" x14ac:dyDescent="0.4">
      <c r="B1072" s="10" t="s">
        <v>835</v>
      </c>
      <c r="C1072" s="10" t="s">
        <v>8</v>
      </c>
      <c r="D1072" s="10">
        <v>30</v>
      </c>
      <c r="E1072" s="10">
        <v>11</v>
      </c>
      <c r="F1072" s="10">
        <v>1</v>
      </c>
      <c r="G1072" s="10">
        <v>220</v>
      </c>
    </row>
    <row r="1073" spans="2:7" ht="13.5" customHeight="1" x14ac:dyDescent="0.4">
      <c r="B1073" s="10" t="s">
        <v>1067</v>
      </c>
      <c r="C1073" s="10" t="s">
        <v>8</v>
      </c>
      <c r="D1073" s="10">
        <v>30</v>
      </c>
      <c r="E1073" s="10">
        <v>11</v>
      </c>
      <c r="F1073" s="10">
        <v>1</v>
      </c>
      <c r="G1073" s="10">
        <v>220</v>
      </c>
    </row>
    <row r="1074" spans="2:7" ht="13.5" customHeight="1" x14ac:dyDescent="0.4">
      <c r="B1074" s="10" t="s">
        <v>1068</v>
      </c>
      <c r="C1074" s="10" t="s">
        <v>8</v>
      </c>
      <c r="D1074" s="10">
        <v>30</v>
      </c>
      <c r="E1074" s="10">
        <v>11</v>
      </c>
      <c r="F1074" s="10">
        <v>1</v>
      </c>
      <c r="G1074" s="10">
        <v>220</v>
      </c>
    </row>
    <row r="1075" spans="2:7" ht="13.5" customHeight="1" x14ac:dyDescent="0.4">
      <c r="B1075" s="10" t="s">
        <v>1069</v>
      </c>
      <c r="C1075" s="10" t="s">
        <v>8</v>
      </c>
      <c r="D1075" s="10">
        <v>30</v>
      </c>
      <c r="E1075" s="10">
        <v>11</v>
      </c>
      <c r="F1075" s="10">
        <v>1</v>
      </c>
      <c r="G1075" s="10">
        <v>220</v>
      </c>
    </row>
    <row r="1076" spans="2:7" ht="13.5" customHeight="1" x14ac:dyDescent="0.4">
      <c r="B1076" s="10" t="s">
        <v>1070</v>
      </c>
      <c r="C1076" s="10" t="s">
        <v>8</v>
      </c>
      <c r="D1076" s="10">
        <v>30</v>
      </c>
      <c r="E1076" s="10">
        <v>11</v>
      </c>
      <c r="F1076" s="10">
        <v>1</v>
      </c>
      <c r="G1076" s="10">
        <v>220</v>
      </c>
    </row>
    <row r="1077" spans="2:7" ht="13.5" customHeight="1" x14ac:dyDescent="0.4">
      <c r="B1077" s="10" t="s">
        <v>1071</v>
      </c>
      <c r="C1077" s="10" t="s">
        <v>8</v>
      </c>
      <c r="D1077" s="10">
        <v>30</v>
      </c>
      <c r="E1077" s="10">
        <v>11</v>
      </c>
      <c r="F1077" s="10">
        <v>1</v>
      </c>
      <c r="G1077" s="10">
        <v>220</v>
      </c>
    </row>
    <row r="1078" spans="2:7" ht="13.5" customHeight="1" x14ac:dyDescent="0.4">
      <c r="B1078" s="10" t="s">
        <v>1072</v>
      </c>
      <c r="C1078" s="10" t="s">
        <v>8</v>
      </c>
      <c r="D1078" s="10">
        <v>30</v>
      </c>
      <c r="E1078" s="10">
        <v>11</v>
      </c>
      <c r="F1078" s="10">
        <v>1</v>
      </c>
      <c r="G1078" s="10">
        <v>220</v>
      </c>
    </row>
    <row r="1079" spans="2:7" ht="13.5" customHeight="1" x14ac:dyDescent="0.4">
      <c r="B1079" s="10" t="s">
        <v>1073</v>
      </c>
      <c r="C1079" s="10" t="s">
        <v>8</v>
      </c>
      <c r="D1079" s="10">
        <v>30</v>
      </c>
      <c r="E1079" s="10">
        <v>11</v>
      </c>
      <c r="F1079" s="10">
        <v>1</v>
      </c>
      <c r="G1079" s="10">
        <v>220</v>
      </c>
    </row>
    <row r="1080" spans="2:7" ht="13.5" customHeight="1" x14ac:dyDescent="0.4">
      <c r="B1080" s="10" t="s">
        <v>1074</v>
      </c>
      <c r="C1080" s="10" t="s">
        <v>8</v>
      </c>
      <c r="D1080" s="10">
        <v>30</v>
      </c>
      <c r="E1080" s="10">
        <v>11</v>
      </c>
      <c r="F1080" s="10">
        <v>1</v>
      </c>
      <c r="G1080" s="10">
        <v>220</v>
      </c>
    </row>
    <row r="1081" spans="2:7" ht="13.5" customHeight="1" x14ac:dyDescent="0.4">
      <c r="B1081" s="10" t="s">
        <v>1075</v>
      </c>
      <c r="C1081" s="10" t="s">
        <v>8</v>
      </c>
      <c r="D1081" s="10">
        <v>30</v>
      </c>
      <c r="E1081" s="10">
        <v>11</v>
      </c>
      <c r="F1081" s="10">
        <v>1</v>
      </c>
      <c r="G1081" s="10">
        <v>220</v>
      </c>
    </row>
    <row r="1082" spans="2:7" ht="13.5" customHeight="1" x14ac:dyDescent="0.4">
      <c r="B1082" s="10" t="s">
        <v>1076</v>
      </c>
      <c r="C1082" s="10" t="s">
        <v>8</v>
      </c>
      <c r="D1082" s="10">
        <v>30</v>
      </c>
      <c r="E1082" s="10">
        <v>11</v>
      </c>
      <c r="F1082" s="10">
        <v>1</v>
      </c>
      <c r="G1082" s="10">
        <v>220</v>
      </c>
    </row>
    <row r="1083" spans="2:7" ht="13.5" customHeight="1" x14ac:dyDescent="0.4">
      <c r="B1083" s="10" t="s">
        <v>1077</v>
      </c>
      <c r="C1083" s="10" t="s">
        <v>8</v>
      </c>
      <c r="D1083" s="10">
        <v>30</v>
      </c>
      <c r="E1083" s="10">
        <v>11</v>
      </c>
      <c r="F1083" s="10">
        <v>1</v>
      </c>
      <c r="G1083" s="10">
        <v>220</v>
      </c>
    </row>
    <row r="1084" spans="2:7" ht="13.5" customHeight="1" x14ac:dyDescent="0.4">
      <c r="B1084" s="10" t="s">
        <v>1078</v>
      </c>
      <c r="C1084" s="10" t="s">
        <v>8</v>
      </c>
      <c r="D1084" s="10">
        <v>30</v>
      </c>
      <c r="E1084" s="10">
        <v>11</v>
      </c>
      <c r="F1084" s="10">
        <v>1</v>
      </c>
      <c r="G1084" s="10">
        <v>220</v>
      </c>
    </row>
    <row r="1085" spans="2:7" ht="13.5" customHeight="1" x14ac:dyDescent="0.4">
      <c r="B1085" s="10" t="s">
        <v>1079</v>
      </c>
      <c r="C1085" s="10" t="s">
        <v>8</v>
      </c>
      <c r="D1085" s="10">
        <v>30</v>
      </c>
      <c r="E1085" s="10">
        <v>11</v>
      </c>
      <c r="F1085" s="10">
        <v>1</v>
      </c>
      <c r="G1085" s="10">
        <v>220</v>
      </c>
    </row>
    <row r="1086" spans="2:7" ht="13.5" customHeight="1" x14ac:dyDescent="0.4">
      <c r="B1086" s="10" t="s">
        <v>1080</v>
      </c>
      <c r="C1086" s="10" t="s">
        <v>8</v>
      </c>
      <c r="D1086" s="10">
        <v>30</v>
      </c>
      <c r="E1086" s="10">
        <v>11</v>
      </c>
      <c r="F1086" s="10">
        <v>1</v>
      </c>
      <c r="G1086" s="10">
        <v>220</v>
      </c>
    </row>
    <row r="1087" spans="2:7" ht="13.5" customHeight="1" x14ac:dyDescent="0.4">
      <c r="B1087" s="10" t="s">
        <v>1081</v>
      </c>
      <c r="C1087" s="10" t="s">
        <v>8</v>
      </c>
      <c r="D1087" s="10">
        <v>30</v>
      </c>
      <c r="E1087" s="10">
        <v>11</v>
      </c>
      <c r="F1087" s="10">
        <v>1</v>
      </c>
      <c r="G1087" s="10">
        <v>220</v>
      </c>
    </row>
    <row r="1088" spans="2:7" ht="13.5" customHeight="1" x14ac:dyDescent="0.4">
      <c r="B1088" s="10" t="s">
        <v>1082</v>
      </c>
      <c r="C1088" s="10" t="s">
        <v>8</v>
      </c>
      <c r="D1088" s="10">
        <v>30</v>
      </c>
      <c r="E1088" s="10">
        <v>11</v>
      </c>
      <c r="F1088" s="10">
        <v>1</v>
      </c>
      <c r="G1088" s="10">
        <v>220</v>
      </c>
    </row>
    <row r="1089" spans="2:7" ht="13.5" customHeight="1" x14ac:dyDescent="0.4">
      <c r="B1089" s="10" t="s">
        <v>1083</v>
      </c>
      <c r="C1089" s="10" t="s">
        <v>8</v>
      </c>
      <c r="D1089" s="10">
        <v>30</v>
      </c>
      <c r="E1089" s="10">
        <v>11</v>
      </c>
      <c r="F1089" s="10">
        <v>1</v>
      </c>
      <c r="G1089" s="10">
        <v>220</v>
      </c>
    </row>
    <row r="1090" spans="2:7" ht="13.5" customHeight="1" x14ac:dyDescent="0.4">
      <c r="B1090" s="10" t="s">
        <v>1084</v>
      </c>
      <c r="C1090" s="10" t="s">
        <v>8</v>
      </c>
      <c r="D1090" s="10">
        <v>30</v>
      </c>
      <c r="E1090" s="10">
        <v>11</v>
      </c>
      <c r="F1090" s="10">
        <v>1</v>
      </c>
      <c r="G1090" s="10">
        <v>220</v>
      </c>
    </row>
    <row r="1091" spans="2:7" ht="13.5" customHeight="1" x14ac:dyDescent="0.4">
      <c r="B1091" s="10" t="s">
        <v>1085</v>
      </c>
      <c r="C1091" s="10" t="s">
        <v>8</v>
      </c>
      <c r="D1091" s="10">
        <v>30</v>
      </c>
      <c r="E1091" s="10">
        <v>11</v>
      </c>
      <c r="F1091" s="10">
        <v>1</v>
      </c>
      <c r="G1091" s="10">
        <v>220</v>
      </c>
    </row>
    <row r="1092" spans="2:7" ht="13.5" customHeight="1" x14ac:dyDescent="0.4">
      <c r="B1092" s="10" t="s">
        <v>1086</v>
      </c>
      <c r="C1092" s="10" t="s">
        <v>8</v>
      </c>
      <c r="D1092" s="10">
        <v>30</v>
      </c>
      <c r="E1092" s="10">
        <v>11</v>
      </c>
      <c r="F1092" s="10">
        <v>1</v>
      </c>
      <c r="G1092" s="10">
        <v>220</v>
      </c>
    </row>
    <row r="1093" spans="2:7" ht="13.5" customHeight="1" x14ac:dyDescent="0.4">
      <c r="B1093" s="10" t="s">
        <v>1087</v>
      </c>
      <c r="C1093" s="10" t="s">
        <v>8</v>
      </c>
      <c r="D1093" s="10">
        <v>30</v>
      </c>
      <c r="E1093" s="10">
        <v>11</v>
      </c>
      <c r="F1093" s="10">
        <v>1</v>
      </c>
      <c r="G1093" s="10">
        <v>220</v>
      </c>
    </row>
    <row r="1094" spans="2:7" ht="13.5" customHeight="1" x14ac:dyDescent="0.4">
      <c r="B1094" s="10" t="s">
        <v>1088</v>
      </c>
      <c r="C1094" s="10" t="s">
        <v>8</v>
      </c>
      <c r="D1094" s="10">
        <v>30</v>
      </c>
      <c r="E1094" s="10">
        <v>11</v>
      </c>
      <c r="F1094" s="10">
        <v>1</v>
      </c>
      <c r="G1094" s="10">
        <v>220</v>
      </c>
    </row>
    <row r="1095" spans="2:7" ht="13.5" customHeight="1" x14ac:dyDescent="0.4">
      <c r="B1095" s="10" t="s">
        <v>1089</v>
      </c>
      <c r="C1095" s="10" t="s">
        <v>8</v>
      </c>
      <c r="D1095" s="10">
        <v>30</v>
      </c>
      <c r="E1095" s="10">
        <v>11</v>
      </c>
      <c r="F1095" s="10">
        <v>1</v>
      </c>
      <c r="G1095" s="10">
        <v>220</v>
      </c>
    </row>
    <row r="1096" spans="2:7" ht="13.5" customHeight="1" x14ac:dyDescent="0.4">
      <c r="B1096" s="10" t="s">
        <v>1090</v>
      </c>
      <c r="C1096" s="10" t="s">
        <v>8</v>
      </c>
      <c r="D1096" s="10">
        <v>30</v>
      </c>
      <c r="E1096" s="10">
        <v>11</v>
      </c>
      <c r="F1096" s="10">
        <v>1</v>
      </c>
      <c r="G1096" s="10">
        <v>220</v>
      </c>
    </row>
    <row r="1097" spans="2:7" ht="13.5" customHeight="1" x14ac:dyDescent="0.4">
      <c r="B1097" s="10" t="s">
        <v>1091</v>
      </c>
      <c r="C1097" s="10" t="s">
        <v>8</v>
      </c>
      <c r="D1097" s="10">
        <v>30</v>
      </c>
      <c r="E1097" s="10">
        <v>11</v>
      </c>
      <c r="F1097" s="10">
        <v>1</v>
      </c>
      <c r="G1097" s="10">
        <v>220</v>
      </c>
    </row>
    <row r="1098" spans="2:7" ht="13.5" customHeight="1" x14ac:dyDescent="0.4">
      <c r="B1098" s="10" t="s">
        <v>1092</v>
      </c>
      <c r="C1098" s="10" t="s">
        <v>8</v>
      </c>
      <c r="D1098" s="10">
        <v>30</v>
      </c>
      <c r="E1098" s="10">
        <v>11</v>
      </c>
      <c r="F1098" s="10">
        <v>1</v>
      </c>
      <c r="G1098" s="10">
        <v>220</v>
      </c>
    </row>
    <row r="1099" spans="2:7" ht="13.5" customHeight="1" x14ac:dyDescent="0.4">
      <c r="B1099" s="10" t="s">
        <v>1093</v>
      </c>
      <c r="C1099" s="10" t="s">
        <v>8</v>
      </c>
      <c r="D1099" s="10">
        <v>30</v>
      </c>
      <c r="E1099" s="10">
        <v>11</v>
      </c>
      <c r="F1099" s="10">
        <v>1</v>
      </c>
      <c r="G1099" s="10">
        <v>220</v>
      </c>
    </row>
    <row r="1100" spans="2:7" ht="13.5" customHeight="1" x14ac:dyDescent="0.4">
      <c r="B1100" s="10" t="s">
        <v>1094</v>
      </c>
      <c r="C1100" s="10" t="s">
        <v>8</v>
      </c>
      <c r="D1100" s="10">
        <v>30</v>
      </c>
      <c r="E1100" s="10">
        <v>11</v>
      </c>
      <c r="F1100" s="10">
        <v>1</v>
      </c>
      <c r="G1100" s="10">
        <v>220</v>
      </c>
    </row>
    <row r="1101" spans="2:7" ht="13.5" customHeight="1" x14ac:dyDescent="0.4">
      <c r="B1101" s="10" t="s">
        <v>1095</v>
      </c>
      <c r="C1101" s="10" t="s">
        <v>8</v>
      </c>
      <c r="D1101" s="10">
        <v>30</v>
      </c>
      <c r="E1101" s="10">
        <v>11</v>
      </c>
      <c r="F1101" s="10">
        <v>1</v>
      </c>
      <c r="G1101" s="10">
        <v>220</v>
      </c>
    </row>
    <row r="1102" spans="2:7" ht="13.5" customHeight="1" x14ac:dyDescent="0.4">
      <c r="B1102" s="10" t="s">
        <v>1096</v>
      </c>
      <c r="C1102" s="10" t="s">
        <v>8</v>
      </c>
      <c r="D1102" s="10">
        <v>30</v>
      </c>
      <c r="E1102" s="10">
        <v>11</v>
      </c>
      <c r="F1102" s="10">
        <v>1</v>
      </c>
      <c r="G1102" s="10">
        <v>220</v>
      </c>
    </row>
    <row r="1103" spans="2:7" ht="13.5" customHeight="1" x14ac:dyDescent="0.4">
      <c r="B1103" s="10" t="s">
        <v>1097</v>
      </c>
      <c r="C1103" s="10" t="s">
        <v>8</v>
      </c>
      <c r="D1103" s="10">
        <v>30</v>
      </c>
      <c r="E1103" s="10">
        <v>11</v>
      </c>
      <c r="F1103" s="10">
        <v>1</v>
      </c>
      <c r="G1103" s="10">
        <v>220</v>
      </c>
    </row>
    <row r="1104" spans="2:7" ht="13.5" customHeight="1" x14ac:dyDescent="0.4">
      <c r="B1104" s="10" t="s">
        <v>1098</v>
      </c>
      <c r="C1104" s="10" t="s">
        <v>8</v>
      </c>
      <c r="D1104" s="10">
        <v>30</v>
      </c>
      <c r="E1104" s="10">
        <v>11</v>
      </c>
      <c r="F1104" s="10">
        <v>1</v>
      </c>
      <c r="G1104" s="10">
        <v>220</v>
      </c>
    </row>
    <row r="1105" spans="2:7" ht="13.5" customHeight="1" x14ac:dyDescent="0.4">
      <c r="B1105" s="10" t="s">
        <v>1099</v>
      </c>
      <c r="C1105" s="10" t="s">
        <v>8</v>
      </c>
      <c r="D1105" s="10">
        <v>30</v>
      </c>
      <c r="E1105" s="10">
        <v>11</v>
      </c>
      <c r="F1105" s="10">
        <v>1</v>
      </c>
      <c r="G1105" s="10">
        <v>220</v>
      </c>
    </row>
    <row r="1106" spans="2:7" ht="13.5" customHeight="1" x14ac:dyDescent="0.4">
      <c r="B1106" s="10" t="s">
        <v>1100</v>
      </c>
      <c r="C1106" s="10" t="s">
        <v>8</v>
      </c>
      <c r="D1106" s="10">
        <v>30</v>
      </c>
      <c r="E1106" s="10">
        <v>11</v>
      </c>
      <c r="F1106" s="10">
        <v>1</v>
      </c>
      <c r="G1106" s="10">
        <v>220</v>
      </c>
    </row>
    <row r="1107" spans="2:7" ht="13.5" customHeight="1" x14ac:dyDescent="0.4">
      <c r="B1107" s="10" t="s">
        <v>1101</v>
      </c>
      <c r="C1107" s="10" t="s">
        <v>8</v>
      </c>
      <c r="D1107" s="10">
        <v>30</v>
      </c>
      <c r="E1107" s="10">
        <v>11</v>
      </c>
      <c r="F1107" s="10">
        <v>1</v>
      </c>
      <c r="G1107" s="10">
        <v>220</v>
      </c>
    </row>
    <row r="1108" spans="2:7" ht="13.5" customHeight="1" x14ac:dyDescent="0.4">
      <c r="B1108" s="10" t="s">
        <v>1102</v>
      </c>
      <c r="C1108" s="10" t="s">
        <v>8</v>
      </c>
      <c r="D1108" s="10">
        <v>30</v>
      </c>
      <c r="E1108" s="10">
        <v>11</v>
      </c>
      <c r="F1108" s="10">
        <v>1</v>
      </c>
      <c r="G1108" s="10">
        <v>220</v>
      </c>
    </row>
    <row r="1109" spans="2:7" ht="13.5" customHeight="1" x14ac:dyDescent="0.4">
      <c r="B1109" s="10" t="s">
        <v>1103</v>
      </c>
      <c r="C1109" s="10" t="s">
        <v>8</v>
      </c>
      <c r="D1109" s="10">
        <v>30</v>
      </c>
      <c r="E1109" s="10">
        <v>11</v>
      </c>
      <c r="F1109" s="10">
        <v>1</v>
      </c>
      <c r="G1109" s="10">
        <v>220</v>
      </c>
    </row>
    <row r="1110" spans="2:7" ht="13.5" customHeight="1" x14ac:dyDescent="0.4">
      <c r="B1110" s="10" t="s">
        <v>1104</v>
      </c>
      <c r="C1110" s="10" t="s">
        <v>8</v>
      </c>
      <c r="D1110" s="10">
        <v>30</v>
      </c>
      <c r="E1110" s="10">
        <v>11</v>
      </c>
      <c r="F1110" s="10">
        <v>1</v>
      </c>
      <c r="G1110" s="10">
        <v>220</v>
      </c>
    </row>
    <row r="1111" spans="2:7" ht="13.5" customHeight="1" x14ac:dyDescent="0.4">
      <c r="B1111" s="10" t="s">
        <v>1105</v>
      </c>
      <c r="C1111" s="10" t="s">
        <v>8</v>
      </c>
      <c r="D1111" s="10">
        <v>30</v>
      </c>
      <c r="E1111" s="10">
        <v>11</v>
      </c>
      <c r="F1111" s="10">
        <v>1</v>
      </c>
      <c r="G1111" s="10">
        <v>220</v>
      </c>
    </row>
    <row r="1112" spans="2:7" ht="13.5" customHeight="1" x14ac:dyDescent="0.4">
      <c r="B1112" s="10" t="s">
        <v>1106</v>
      </c>
      <c r="C1112" s="10" t="s">
        <v>8</v>
      </c>
      <c r="D1112" s="10">
        <v>30</v>
      </c>
      <c r="E1112" s="10">
        <v>11</v>
      </c>
      <c r="F1112" s="10">
        <v>1</v>
      </c>
      <c r="G1112" s="10">
        <v>220</v>
      </c>
    </row>
    <row r="1113" spans="2:7" ht="13.5" customHeight="1" x14ac:dyDescent="0.4">
      <c r="B1113" s="10" t="s">
        <v>1107</v>
      </c>
      <c r="C1113" s="10" t="s">
        <v>8</v>
      </c>
      <c r="D1113" s="10">
        <v>30</v>
      </c>
      <c r="E1113" s="10">
        <v>11</v>
      </c>
      <c r="F1113" s="10">
        <v>1</v>
      </c>
      <c r="G1113" s="10">
        <v>220</v>
      </c>
    </row>
    <row r="1114" spans="2:7" ht="13.5" customHeight="1" x14ac:dyDescent="0.4">
      <c r="B1114" s="10" t="s">
        <v>1108</v>
      </c>
      <c r="C1114" s="10" t="s">
        <v>8</v>
      </c>
      <c r="D1114" s="10">
        <v>30</v>
      </c>
      <c r="E1114" s="10">
        <v>11</v>
      </c>
      <c r="F1114" s="10">
        <v>1</v>
      </c>
      <c r="G1114" s="10">
        <v>220</v>
      </c>
    </row>
    <row r="1115" spans="2:7" ht="13.5" customHeight="1" x14ac:dyDescent="0.4">
      <c r="B1115" s="10" t="s">
        <v>1109</v>
      </c>
      <c r="C1115" s="10" t="s">
        <v>8</v>
      </c>
      <c r="D1115" s="10">
        <v>30</v>
      </c>
      <c r="E1115" s="10">
        <v>11</v>
      </c>
      <c r="F1115" s="10">
        <v>1</v>
      </c>
      <c r="G1115" s="10">
        <v>220</v>
      </c>
    </row>
    <row r="1116" spans="2:7" ht="13.5" customHeight="1" x14ac:dyDescent="0.4">
      <c r="B1116" s="10" t="s">
        <v>1110</v>
      </c>
      <c r="C1116" s="10" t="s">
        <v>8</v>
      </c>
      <c r="D1116" s="10">
        <v>30</v>
      </c>
      <c r="E1116" s="10">
        <v>11</v>
      </c>
      <c r="F1116" s="10">
        <v>1</v>
      </c>
      <c r="G1116" s="10">
        <v>220</v>
      </c>
    </row>
    <row r="1117" spans="2:7" ht="13.5" customHeight="1" x14ac:dyDescent="0.4">
      <c r="B1117" s="10" t="s">
        <v>1111</v>
      </c>
      <c r="C1117" s="10" t="s">
        <v>8</v>
      </c>
      <c r="D1117" s="10">
        <v>30</v>
      </c>
      <c r="E1117" s="10">
        <v>11</v>
      </c>
      <c r="F1117" s="10">
        <v>1</v>
      </c>
      <c r="G1117" s="10">
        <v>220</v>
      </c>
    </row>
    <row r="1118" spans="2:7" ht="13.5" customHeight="1" x14ac:dyDescent="0.4">
      <c r="B1118" s="10" t="s">
        <v>1112</v>
      </c>
      <c r="C1118" s="10" t="s">
        <v>8</v>
      </c>
      <c r="D1118" s="10">
        <v>30</v>
      </c>
      <c r="E1118" s="10">
        <v>11</v>
      </c>
      <c r="F1118" s="10">
        <v>1</v>
      </c>
      <c r="G1118" s="10">
        <v>220</v>
      </c>
    </row>
    <row r="1119" spans="2:7" ht="13.5" customHeight="1" x14ac:dyDescent="0.4">
      <c r="B1119" s="10" t="s">
        <v>1113</v>
      </c>
      <c r="C1119" s="10" t="s">
        <v>8</v>
      </c>
      <c r="D1119" s="10">
        <v>30</v>
      </c>
      <c r="E1119" s="10">
        <v>11</v>
      </c>
      <c r="F1119" s="10">
        <v>1</v>
      </c>
      <c r="G1119" s="10">
        <v>220</v>
      </c>
    </row>
    <row r="1120" spans="2:7" ht="13.5" customHeight="1" x14ac:dyDescent="0.4">
      <c r="B1120" s="10" t="s">
        <v>1114</v>
      </c>
      <c r="C1120" s="10" t="s">
        <v>8</v>
      </c>
      <c r="D1120" s="10">
        <v>30</v>
      </c>
      <c r="E1120" s="10">
        <v>11</v>
      </c>
      <c r="F1120" s="10">
        <v>1</v>
      </c>
      <c r="G1120" s="10">
        <v>220</v>
      </c>
    </row>
    <row r="1121" spans="2:7" ht="13.5" customHeight="1" x14ac:dyDescent="0.4">
      <c r="B1121" s="10" t="s">
        <v>1115</v>
      </c>
      <c r="C1121" s="10" t="s">
        <v>8</v>
      </c>
      <c r="D1121" s="10">
        <v>30</v>
      </c>
      <c r="E1121" s="10">
        <v>11</v>
      </c>
      <c r="F1121" s="10">
        <v>1</v>
      </c>
      <c r="G1121" s="10">
        <v>220</v>
      </c>
    </row>
    <row r="1122" spans="2:7" ht="13.5" customHeight="1" x14ac:dyDescent="0.4">
      <c r="B1122" s="10" t="s">
        <v>1116</v>
      </c>
      <c r="C1122" s="10" t="s">
        <v>8</v>
      </c>
      <c r="D1122" s="10">
        <v>30</v>
      </c>
      <c r="E1122" s="10">
        <v>11</v>
      </c>
      <c r="F1122" s="10">
        <v>1</v>
      </c>
      <c r="G1122" s="10">
        <v>220</v>
      </c>
    </row>
    <row r="1123" spans="2:7" ht="13.5" customHeight="1" x14ac:dyDescent="0.4">
      <c r="B1123" s="10" t="s">
        <v>1117</v>
      </c>
      <c r="C1123" s="10" t="s">
        <v>8</v>
      </c>
      <c r="D1123" s="10">
        <v>30</v>
      </c>
      <c r="E1123" s="10">
        <v>11</v>
      </c>
      <c r="F1123" s="10">
        <v>1</v>
      </c>
      <c r="G1123" s="10">
        <v>220</v>
      </c>
    </row>
    <row r="1124" spans="2:7" ht="13.5" customHeight="1" x14ac:dyDescent="0.4">
      <c r="B1124" s="10" t="s">
        <v>1118</v>
      </c>
      <c r="C1124" s="10" t="s">
        <v>8</v>
      </c>
      <c r="D1124" s="10">
        <v>30</v>
      </c>
      <c r="E1124" s="10">
        <v>11</v>
      </c>
      <c r="F1124" s="10">
        <v>1</v>
      </c>
      <c r="G1124" s="10">
        <v>220</v>
      </c>
    </row>
    <row r="1125" spans="2:7" ht="13.5" customHeight="1" x14ac:dyDescent="0.4">
      <c r="B1125" s="10" t="s">
        <v>1119</v>
      </c>
      <c r="C1125" s="10" t="s">
        <v>8</v>
      </c>
      <c r="D1125" s="10">
        <v>30</v>
      </c>
      <c r="E1125" s="10">
        <v>11</v>
      </c>
      <c r="F1125" s="10">
        <v>1</v>
      </c>
      <c r="G1125" s="10">
        <v>220</v>
      </c>
    </row>
    <row r="1126" spans="2:7" ht="13.5" customHeight="1" x14ac:dyDescent="0.4">
      <c r="B1126" s="10" t="s">
        <v>1120</v>
      </c>
      <c r="C1126" s="10" t="s">
        <v>8</v>
      </c>
      <c r="D1126" s="10">
        <v>30</v>
      </c>
      <c r="E1126" s="10">
        <v>11</v>
      </c>
      <c r="F1126" s="10">
        <v>1</v>
      </c>
      <c r="G1126" s="10">
        <v>220</v>
      </c>
    </row>
    <row r="1127" spans="2:7" ht="13.5" customHeight="1" x14ac:dyDescent="0.4">
      <c r="B1127" s="10" t="s">
        <v>1121</v>
      </c>
      <c r="C1127" s="10" t="s">
        <v>8</v>
      </c>
      <c r="D1127" s="10">
        <v>30</v>
      </c>
      <c r="E1127" s="10">
        <v>11</v>
      </c>
      <c r="F1127" s="10">
        <v>1</v>
      </c>
      <c r="G1127" s="10">
        <v>220</v>
      </c>
    </row>
    <row r="1128" spans="2:7" ht="13.5" customHeight="1" x14ac:dyDescent="0.4">
      <c r="B1128" s="10" t="s">
        <v>1122</v>
      </c>
      <c r="C1128" s="10" t="s">
        <v>8</v>
      </c>
      <c r="D1128" s="10">
        <v>30</v>
      </c>
      <c r="E1128" s="10">
        <v>11</v>
      </c>
      <c r="F1128" s="10">
        <v>1</v>
      </c>
      <c r="G1128" s="10">
        <v>220</v>
      </c>
    </row>
    <row r="1129" spans="2:7" ht="13.5" customHeight="1" x14ac:dyDescent="0.4">
      <c r="B1129" s="10" t="s">
        <v>1123</v>
      </c>
      <c r="C1129" s="10" t="s">
        <v>8</v>
      </c>
      <c r="D1129" s="10">
        <v>30</v>
      </c>
      <c r="E1129" s="10">
        <v>11</v>
      </c>
      <c r="F1129" s="10">
        <v>1</v>
      </c>
      <c r="G1129" s="10">
        <v>220</v>
      </c>
    </row>
    <row r="1130" spans="2:7" ht="13.5" customHeight="1" x14ac:dyDescent="0.4">
      <c r="B1130" s="10" t="s">
        <v>1124</v>
      </c>
      <c r="C1130" s="10" t="s">
        <v>8</v>
      </c>
      <c r="D1130" s="10">
        <v>30</v>
      </c>
      <c r="E1130" s="10">
        <v>11</v>
      </c>
      <c r="F1130" s="10">
        <v>1</v>
      </c>
      <c r="G1130" s="10">
        <v>220</v>
      </c>
    </row>
    <row r="1131" spans="2:7" ht="13.5" customHeight="1" x14ac:dyDescent="0.4">
      <c r="B1131" s="10" t="s">
        <v>1125</v>
      </c>
      <c r="C1131" s="10" t="s">
        <v>8</v>
      </c>
      <c r="D1131" s="10">
        <v>30</v>
      </c>
      <c r="E1131" s="10">
        <v>11</v>
      </c>
      <c r="F1131" s="10">
        <v>1</v>
      </c>
      <c r="G1131" s="10">
        <v>220</v>
      </c>
    </row>
    <row r="1132" spans="2:7" ht="13.5" customHeight="1" x14ac:dyDescent="0.4">
      <c r="B1132" s="10" t="s">
        <v>1126</v>
      </c>
      <c r="C1132" s="10" t="s">
        <v>8</v>
      </c>
      <c r="D1132" s="10">
        <v>30</v>
      </c>
      <c r="E1132" s="10">
        <v>11</v>
      </c>
      <c r="F1132" s="10">
        <v>1</v>
      </c>
      <c r="G1132" s="10">
        <v>220</v>
      </c>
    </row>
    <row r="1133" spans="2:7" ht="13.5" customHeight="1" x14ac:dyDescent="0.4">
      <c r="B1133" s="10" t="s">
        <v>1127</v>
      </c>
      <c r="C1133" s="10" t="s">
        <v>8</v>
      </c>
      <c r="D1133" s="10">
        <v>30</v>
      </c>
      <c r="E1133" s="10">
        <v>11</v>
      </c>
      <c r="F1133" s="10">
        <v>1</v>
      </c>
      <c r="G1133" s="10">
        <v>220</v>
      </c>
    </row>
    <row r="1134" spans="2:7" ht="13.5" customHeight="1" x14ac:dyDescent="0.4">
      <c r="B1134" s="10" t="s">
        <v>187</v>
      </c>
      <c r="C1134" s="10" t="s">
        <v>8</v>
      </c>
      <c r="D1134" s="10">
        <v>30</v>
      </c>
      <c r="E1134" s="10">
        <v>11</v>
      </c>
      <c r="F1134" s="10">
        <v>1</v>
      </c>
      <c r="G1134" s="10">
        <v>220</v>
      </c>
    </row>
    <row r="1135" spans="2:7" ht="13.5" customHeight="1" x14ac:dyDescent="0.4">
      <c r="B1135" s="10" t="s">
        <v>1128</v>
      </c>
      <c r="C1135" s="10" t="s">
        <v>8</v>
      </c>
      <c r="D1135" s="10">
        <v>30</v>
      </c>
      <c r="E1135" s="10">
        <v>11</v>
      </c>
      <c r="F1135" s="10">
        <v>1</v>
      </c>
      <c r="G1135" s="10">
        <v>220</v>
      </c>
    </row>
    <row r="1136" spans="2:7" ht="13.5" customHeight="1" x14ac:dyDescent="0.4">
      <c r="B1136" s="10" t="s">
        <v>1129</v>
      </c>
      <c r="C1136" s="10" t="s">
        <v>8</v>
      </c>
      <c r="D1136" s="10">
        <v>30</v>
      </c>
      <c r="E1136" s="10">
        <v>11</v>
      </c>
      <c r="F1136" s="10">
        <v>1</v>
      </c>
      <c r="G1136" s="10">
        <v>220</v>
      </c>
    </row>
    <row r="1137" spans="2:7" ht="13.5" customHeight="1" x14ac:dyDescent="0.4">
      <c r="B1137" s="10" t="s">
        <v>1130</v>
      </c>
      <c r="C1137" s="10" t="s">
        <v>8</v>
      </c>
      <c r="D1137" s="10">
        <v>30</v>
      </c>
      <c r="E1137" s="10">
        <v>11</v>
      </c>
      <c r="F1137" s="10">
        <v>1</v>
      </c>
      <c r="G1137" s="10">
        <v>220</v>
      </c>
    </row>
    <row r="1138" spans="2:7" ht="13.5" customHeight="1" x14ac:dyDescent="0.4">
      <c r="B1138" s="10" t="s">
        <v>1131</v>
      </c>
      <c r="C1138" s="10" t="s">
        <v>8</v>
      </c>
      <c r="D1138" s="10">
        <v>30</v>
      </c>
      <c r="E1138" s="10">
        <v>11</v>
      </c>
      <c r="F1138" s="10">
        <v>1</v>
      </c>
      <c r="G1138" s="10">
        <v>220</v>
      </c>
    </row>
    <row r="1139" spans="2:7" ht="13.5" customHeight="1" x14ac:dyDescent="0.4">
      <c r="B1139" s="10" t="s">
        <v>1132</v>
      </c>
      <c r="C1139" s="10" t="s">
        <v>8</v>
      </c>
      <c r="D1139" s="10">
        <v>30</v>
      </c>
      <c r="E1139" s="10">
        <v>11</v>
      </c>
      <c r="F1139" s="10">
        <v>1</v>
      </c>
      <c r="G1139" s="10">
        <v>220</v>
      </c>
    </row>
    <row r="1140" spans="2:7" ht="13.5" customHeight="1" x14ac:dyDescent="0.4">
      <c r="B1140" s="10" t="s">
        <v>1133</v>
      </c>
      <c r="C1140" s="10" t="s">
        <v>8</v>
      </c>
      <c r="D1140" s="10">
        <v>30</v>
      </c>
      <c r="E1140" s="10">
        <v>11</v>
      </c>
      <c r="F1140" s="10">
        <v>1</v>
      </c>
      <c r="G1140" s="10">
        <v>220</v>
      </c>
    </row>
    <row r="1141" spans="2:7" ht="13.5" customHeight="1" x14ac:dyDescent="0.4">
      <c r="B1141" s="10" t="s">
        <v>1134</v>
      </c>
      <c r="C1141" s="10" t="s">
        <v>8</v>
      </c>
      <c r="D1141" s="10">
        <v>30</v>
      </c>
      <c r="E1141" s="10">
        <v>11</v>
      </c>
      <c r="F1141" s="10">
        <v>1</v>
      </c>
      <c r="G1141" s="10">
        <v>220</v>
      </c>
    </row>
    <row r="1142" spans="2:7" ht="13.5" customHeight="1" x14ac:dyDescent="0.4">
      <c r="B1142" s="10" t="s">
        <v>1135</v>
      </c>
      <c r="C1142" s="10" t="s">
        <v>8</v>
      </c>
      <c r="D1142" s="10">
        <v>30</v>
      </c>
      <c r="E1142" s="10">
        <v>11</v>
      </c>
      <c r="F1142" s="10">
        <v>1</v>
      </c>
      <c r="G1142" s="10">
        <v>220</v>
      </c>
    </row>
    <row r="1143" spans="2:7" ht="13.5" customHeight="1" x14ac:dyDescent="0.4">
      <c r="B1143" s="10" t="s">
        <v>1136</v>
      </c>
      <c r="C1143" s="10" t="s">
        <v>8</v>
      </c>
      <c r="D1143" s="10">
        <v>30</v>
      </c>
      <c r="E1143" s="10">
        <v>11</v>
      </c>
      <c r="F1143" s="10">
        <v>1</v>
      </c>
      <c r="G1143" s="10">
        <v>220</v>
      </c>
    </row>
    <row r="1144" spans="2:7" ht="13.5" customHeight="1" x14ac:dyDescent="0.4">
      <c r="B1144" s="10" t="s">
        <v>1137</v>
      </c>
      <c r="C1144" s="10" t="s">
        <v>8</v>
      </c>
      <c r="D1144" s="10">
        <v>30</v>
      </c>
      <c r="E1144" s="10">
        <v>11</v>
      </c>
      <c r="F1144" s="10">
        <v>1</v>
      </c>
      <c r="G1144" s="10">
        <v>220</v>
      </c>
    </row>
    <row r="1145" spans="2:7" ht="13.5" customHeight="1" x14ac:dyDescent="0.4">
      <c r="B1145" s="10" t="s">
        <v>1138</v>
      </c>
      <c r="C1145" s="10" t="s">
        <v>8</v>
      </c>
      <c r="D1145" s="10">
        <v>30</v>
      </c>
      <c r="E1145" s="10">
        <v>11</v>
      </c>
      <c r="F1145" s="10">
        <v>1</v>
      </c>
      <c r="G1145" s="10">
        <v>220</v>
      </c>
    </row>
    <row r="1146" spans="2:7" ht="13.5" customHeight="1" x14ac:dyDescent="0.4">
      <c r="B1146" s="10" t="s">
        <v>1139</v>
      </c>
      <c r="C1146" s="10" t="s">
        <v>8</v>
      </c>
      <c r="D1146" s="10">
        <v>30</v>
      </c>
      <c r="E1146" s="10">
        <v>11</v>
      </c>
      <c r="F1146" s="10">
        <v>1</v>
      </c>
      <c r="G1146" s="10">
        <v>220</v>
      </c>
    </row>
    <row r="1147" spans="2:7" ht="13.5" customHeight="1" x14ac:dyDescent="0.4">
      <c r="B1147" s="10" t="s">
        <v>1140</v>
      </c>
      <c r="C1147" s="10" t="s">
        <v>8</v>
      </c>
      <c r="D1147" s="10">
        <v>30</v>
      </c>
      <c r="E1147" s="10">
        <v>11</v>
      </c>
      <c r="F1147" s="10">
        <v>1</v>
      </c>
      <c r="G1147" s="10">
        <v>220</v>
      </c>
    </row>
    <row r="1148" spans="2:7" ht="13.5" customHeight="1" x14ac:dyDescent="0.4">
      <c r="B1148" s="10" t="s">
        <v>1141</v>
      </c>
      <c r="C1148" s="10" t="s">
        <v>8</v>
      </c>
      <c r="D1148" s="10">
        <v>30</v>
      </c>
      <c r="E1148" s="10">
        <v>11</v>
      </c>
      <c r="F1148" s="10">
        <v>1</v>
      </c>
      <c r="G1148" s="10">
        <v>220</v>
      </c>
    </row>
    <row r="1149" spans="2:7" ht="13.5" customHeight="1" x14ac:dyDescent="0.4">
      <c r="B1149" s="10" t="s">
        <v>1142</v>
      </c>
      <c r="C1149" s="10" t="s">
        <v>8</v>
      </c>
      <c r="D1149" s="10">
        <v>30</v>
      </c>
      <c r="E1149" s="10">
        <v>11</v>
      </c>
      <c r="F1149" s="10">
        <v>1</v>
      </c>
      <c r="G1149" s="10">
        <v>220</v>
      </c>
    </row>
    <row r="1150" spans="2:7" ht="13.5" customHeight="1" x14ac:dyDescent="0.4">
      <c r="B1150" s="10" t="s">
        <v>1143</v>
      </c>
      <c r="C1150" s="10" t="s">
        <v>8</v>
      </c>
      <c r="D1150" s="10">
        <v>30</v>
      </c>
      <c r="E1150" s="10">
        <v>11</v>
      </c>
      <c r="F1150" s="10">
        <v>1</v>
      </c>
      <c r="G1150" s="10">
        <v>220</v>
      </c>
    </row>
    <row r="1151" spans="2:7" ht="13.5" customHeight="1" x14ac:dyDescent="0.4">
      <c r="B1151" s="10" t="s">
        <v>1144</v>
      </c>
      <c r="C1151" s="10" t="s">
        <v>8</v>
      </c>
      <c r="D1151" s="10">
        <v>30</v>
      </c>
      <c r="E1151" s="10">
        <v>11</v>
      </c>
      <c r="F1151" s="10">
        <v>1</v>
      </c>
      <c r="G1151" s="10">
        <v>220</v>
      </c>
    </row>
    <row r="1152" spans="2:7" ht="13.5" customHeight="1" x14ac:dyDescent="0.4">
      <c r="B1152" s="10" t="s">
        <v>1145</v>
      </c>
      <c r="C1152" s="10" t="s">
        <v>8</v>
      </c>
      <c r="D1152" s="10">
        <v>30</v>
      </c>
      <c r="E1152" s="10">
        <v>11</v>
      </c>
      <c r="F1152" s="10">
        <v>1</v>
      </c>
      <c r="G1152" s="10">
        <v>220</v>
      </c>
    </row>
    <row r="1153" spans="2:7" ht="13.5" customHeight="1" x14ac:dyDescent="0.4">
      <c r="B1153" s="10" t="s">
        <v>1146</v>
      </c>
      <c r="C1153" s="10" t="s">
        <v>8</v>
      </c>
      <c r="D1153" s="10">
        <v>30</v>
      </c>
      <c r="E1153" s="10">
        <v>11</v>
      </c>
      <c r="F1153" s="10">
        <v>1</v>
      </c>
      <c r="G1153" s="10">
        <v>220</v>
      </c>
    </row>
    <row r="1154" spans="2:7" ht="13.5" customHeight="1" x14ac:dyDescent="0.4">
      <c r="B1154" s="10" t="s">
        <v>1147</v>
      </c>
      <c r="C1154" s="10" t="s">
        <v>8</v>
      </c>
      <c r="D1154" s="10">
        <v>30</v>
      </c>
      <c r="E1154" s="10">
        <v>11</v>
      </c>
      <c r="F1154" s="10">
        <v>1</v>
      </c>
      <c r="G1154" s="10">
        <v>220</v>
      </c>
    </row>
    <row r="1155" spans="2:7" ht="13.5" customHeight="1" x14ac:dyDescent="0.4">
      <c r="B1155" s="10" t="s">
        <v>1148</v>
      </c>
      <c r="C1155" s="10" t="s">
        <v>8</v>
      </c>
      <c r="D1155" s="10">
        <v>30</v>
      </c>
      <c r="E1155" s="10">
        <v>11</v>
      </c>
      <c r="F1155" s="10">
        <v>1</v>
      </c>
      <c r="G1155" s="10">
        <v>220</v>
      </c>
    </row>
    <row r="1156" spans="2:7" ht="13.5" customHeight="1" x14ac:dyDescent="0.4">
      <c r="B1156" s="10" t="s">
        <v>1149</v>
      </c>
      <c r="C1156" s="10" t="s">
        <v>8</v>
      </c>
      <c r="D1156" s="10">
        <v>30</v>
      </c>
      <c r="E1156" s="10">
        <v>11</v>
      </c>
      <c r="F1156" s="10">
        <v>1</v>
      </c>
      <c r="G1156" s="10">
        <v>220</v>
      </c>
    </row>
    <row r="1157" spans="2:7" ht="13.5" customHeight="1" x14ac:dyDescent="0.4">
      <c r="B1157" s="10" t="s">
        <v>1150</v>
      </c>
      <c r="C1157" s="10" t="s">
        <v>8</v>
      </c>
      <c r="D1157" s="10">
        <v>30</v>
      </c>
      <c r="E1157" s="10">
        <v>11</v>
      </c>
      <c r="F1157" s="10">
        <v>1</v>
      </c>
      <c r="G1157" s="10">
        <v>220</v>
      </c>
    </row>
    <row r="1158" spans="2:7" ht="13.5" customHeight="1" x14ac:dyDescent="0.4">
      <c r="B1158" s="10" t="s">
        <v>1151</v>
      </c>
      <c r="C1158" s="10" t="s">
        <v>8</v>
      </c>
      <c r="D1158" s="10">
        <v>30</v>
      </c>
      <c r="E1158" s="10">
        <v>11</v>
      </c>
      <c r="F1158" s="10">
        <v>1</v>
      </c>
      <c r="G1158" s="10">
        <v>220</v>
      </c>
    </row>
    <row r="1159" spans="2:7" ht="13.5" customHeight="1" x14ac:dyDescent="0.4">
      <c r="B1159" s="10" t="s">
        <v>1152</v>
      </c>
      <c r="C1159" s="10" t="s">
        <v>8</v>
      </c>
      <c r="D1159" s="10">
        <v>30</v>
      </c>
      <c r="E1159" s="10">
        <v>11</v>
      </c>
      <c r="F1159" s="10">
        <v>1</v>
      </c>
      <c r="G1159" s="10">
        <v>220</v>
      </c>
    </row>
    <row r="1160" spans="2:7" ht="13.5" customHeight="1" x14ac:dyDescent="0.4">
      <c r="B1160" s="10" t="s">
        <v>1153</v>
      </c>
      <c r="C1160" s="10" t="s">
        <v>8</v>
      </c>
      <c r="D1160" s="10">
        <v>30</v>
      </c>
      <c r="E1160" s="10">
        <v>11</v>
      </c>
      <c r="F1160" s="10">
        <v>1</v>
      </c>
      <c r="G1160" s="10">
        <v>220</v>
      </c>
    </row>
    <row r="1161" spans="2:7" ht="13.5" customHeight="1" x14ac:dyDescent="0.4">
      <c r="B1161" s="10" t="s">
        <v>1154</v>
      </c>
      <c r="C1161" s="10" t="s">
        <v>8</v>
      </c>
      <c r="D1161" s="10">
        <v>30</v>
      </c>
      <c r="E1161" s="10">
        <v>11</v>
      </c>
      <c r="F1161" s="10">
        <v>1</v>
      </c>
      <c r="G1161" s="10">
        <v>220</v>
      </c>
    </row>
    <row r="1162" spans="2:7" ht="13.5" customHeight="1" x14ac:dyDescent="0.4">
      <c r="B1162" s="10" t="s">
        <v>1155</v>
      </c>
      <c r="C1162" s="10" t="s">
        <v>8</v>
      </c>
      <c r="D1162" s="10">
        <v>30</v>
      </c>
      <c r="E1162" s="10">
        <v>11</v>
      </c>
      <c r="F1162" s="10">
        <v>1</v>
      </c>
      <c r="G1162" s="10">
        <v>220</v>
      </c>
    </row>
    <row r="1163" spans="2:7" ht="13.5" customHeight="1" x14ac:dyDescent="0.4">
      <c r="B1163" s="10" t="s">
        <v>1156</v>
      </c>
      <c r="C1163" s="10" t="s">
        <v>8</v>
      </c>
      <c r="D1163" s="10">
        <v>30</v>
      </c>
      <c r="E1163" s="10">
        <v>11</v>
      </c>
      <c r="F1163" s="10">
        <v>1</v>
      </c>
      <c r="G1163" s="10">
        <v>220</v>
      </c>
    </row>
    <row r="1164" spans="2:7" ht="13.5" customHeight="1" x14ac:dyDescent="0.4">
      <c r="B1164" s="10" t="s">
        <v>1157</v>
      </c>
      <c r="C1164" s="10" t="s">
        <v>8</v>
      </c>
      <c r="D1164" s="10">
        <v>30</v>
      </c>
      <c r="E1164" s="10">
        <v>11</v>
      </c>
      <c r="F1164" s="10">
        <v>1</v>
      </c>
      <c r="G1164" s="10">
        <v>220</v>
      </c>
    </row>
    <row r="1165" spans="2:7" ht="13.5" customHeight="1" x14ac:dyDescent="0.4">
      <c r="B1165" s="10" t="s">
        <v>1158</v>
      </c>
      <c r="C1165" s="10" t="s">
        <v>8</v>
      </c>
      <c r="D1165" s="10">
        <v>30</v>
      </c>
      <c r="E1165" s="10">
        <v>11</v>
      </c>
      <c r="F1165" s="10">
        <v>1</v>
      </c>
      <c r="G1165" s="10">
        <v>220</v>
      </c>
    </row>
    <row r="1166" spans="2:7" ht="13.5" customHeight="1" x14ac:dyDescent="0.4">
      <c r="B1166" s="10" t="s">
        <v>1159</v>
      </c>
      <c r="C1166" s="10" t="s">
        <v>8</v>
      </c>
      <c r="D1166" s="10">
        <v>30</v>
      </c>
      <c r="E1166" s="10">
        <v>11</v>
      </c>
      <c r="F1166" s="10">
        <v>1</v>
      </c>
      <c r="G1166" s="10">
        <v>220</v>
      </c>
    </row>
    <row r="1167" spans="2:7" ht="13.5" customHeight="1" x14ac:dyDescent="0.4">
      <c r="B1167" s="10" t="s">
        <v>1160</v>
      </c>
      <c r="C1167" s="10" t="s">
        <v>8</v>
      </c>
      <c r="D1167" s="10">
        <v>30</v>
      </c>
      <c r="E1167" s="10">
        <v>11</v>
      </c>
      <c r="F1167" s="10">
        <v>1</v>
      </c>
      <c r="G1167" s="10">
        <v>220</v>
      </c>
    </row>
    <row r="1168" spans="2:7" ht="13.5" customHeight="1" x14ac:dyDescent="0.4">
      <c r="B1168" s="10" t="s">
        <v>1161</v>
      </c>
      <c r="C1168" s="10" t="s">
        <v>8</v>
      </c>
      <c r="D1168" s="10">
        <v>30</v>
      </c>
      <c r="E1168" s="10">
        <v>11</v>
      </c>
      <c r="F1168" s="10">
        <v>1</v>
      </c>
      <c r="G1168" s="10">
        <v>220</v>
      </c>
    </row>
    <row r="1169" spans="2:7" ht="13.5" customHeight="1" x14ac:dyDescent="0.4">
      <c r="B1169" s="10" t="s">
        <v>1162</v>
      </c>
      <c r="C1169" s="10" t="s">
        <v>8</v>
      </c>
      <c r="D1169" s="10">
        <v>30</v>
      </c>
      <c r="E1169" s="10">
        <v>11</v>
      </c>
      <c r="F1169" s="10">
        <v>1</v>
      </c>
      <c r="G1169" s="10">
        <v>220</v>
      </c>
    </row>
    <row r="1170" spans="2:7" ht="13.5" customHeight="1" x14ac:dyDescent="0.4">
      <c r="B1170" s="10" t="s">
        <v>1163</v>
      </c>
      <c r="C1170" s="10" t="s">
        <v>8</v>
      </c>
      <c r="D1170" s="10">
        <v>30</v>
      </c>
      <c r="E1170" s="10">
        <v>11</v>
      </c>
      <c r="F1170" s="10">
        <v>1</v>
      </c>
      <c r="G1170" s="10">
        <v>220</v>
      </c>
    </row>
    <row r="1171" spans="2:7" ht="13.5" customHeight="1" x14ac:dyDescent="0.4">
      <c r="B1171" s="10" t="s">
        <v>1164</v>
      </c>
      <c r="C1171" s="10" t="s">
        <v>8</v>
      </c>
      <c r="D1171" s="10">
        <v>30</v>
      </c>
      <c r="E1171" s="10">
        <v>11</v>
      </c>
      <c r="F1171" s="10">
        <v>1</v>
      </c>
      <c r="G1171" s="10">
        <v>220</v>
      </c>
    </row>
    <row r="1172" spans="2:7" ht="13.5" customHeight="1" x14ac:dyDescent="0.4">
      <c r="B1172" s="10" t="s">
        <v>1165</v>
      </c>
      <c r="C1172" s="10" t="s">
        <v>8</v>
      </c>
      <c r="D1172" s="10">
        <v>30</v>
      </c>
      <c r="E1172" s="10">
        <v>11</v>
      </c>
      <c r="F1172" s="10">
        <v>1</v>
      </c>
      <c r="G1172" s="10">
        <v>220</v>
      </c>
    </row>
    <row r="1173" spans="2:7" ht="13.5" customHeight="1" x14ac:dyDescent="0.4">
      <c r="B1173" s="10" t="s">
        <v>1166</v>
      </c>
      <c r="C1173" s="10" t="s">
        <v>8</v>
      </c>
      <c r="D1173" s="10">
        <v>30</v>
      </c>
      <c r="E1173" s="10">
        <v>11</v>
      </c>
      <c r="F1173" s="10">
        <v>1</v>
      </c>
      <c r="G1173" s="10">
        <v>220</v>
      </c>
    </row>
    <row r="1174" spans="2:7" ht="13.5" customHeight="1" x14ac:dyDescent="0.4">
      <c r="B1174" s="10" t="s">
        <v>1167</v>
      </c>
      <c r="C1174" s="10" t="s">
        <v>8</v>
      </c>
      <c r="D1174" s="10">
        <v>30</v>
      </c>
      <c r="E1174" s="10">
        <v>11</v>
      </c>
      <c r="F1174" s="10">
        <v>1</v>
      </c>
      <c r="G1174" s="10">
        <v>220</v>
      </c>
    </row>
    <row r="1175" spans="2:7" ht="13.5" customHeight="1" x14ac:dyDescent="0.4">
      <c r="B1175" s="10" t="s">
        <v>1168</v>
      </c>
      <c r="C1175" s="10" t="s">
        <v>8</v>
      </c>
      <c r="D1175" s="10">
        <v>30</v>
      </c>
      <c r="E1175" s="10">
        <v>11</v>
      </c>
      <c r="F1175" s="10">
        <v>1</v>
      </c>
      <c r="G1175" s="10">
        <v>220</v>
      </c>
    </row>
    <row r="1176" spans="2:7" ht="13.5" customHeight="1" x14ac:dyDescent="0.4">
      <c r="B1176" s="10" t="s">
        <v>1169</v>
      </c>
      <c r="C1176" s="10" t="s">
        <v>8</v>
      </c>
      <c r="D1176" s="10">
        <v>30</v>
      </c>
      <c r="E1176" s="10">
        <v>12</v>
      </c>
      <c r="F1176" s="10">
        <v>1</v>
      </c>
      <c r="G1176" s="10">
        <v>221</v>
      </c>
    </row>
    <row r="1177" spans="2:7" ht="13.5" customHeight="1" x14ac:dyDescent="0.4">
      <c r="B1177" s="10" t="s">
        <v>1170</v>
      </c>
      <c r="C1177" s="10" t="s">
        <v>8</v>
      </c>
      <c r="D1177" s="10">
        <v>30</v>
      </c>
      <c r="E1177" s="10">
        <v>12</v>
      </c>
      <c r="F1177" s="10">
        <v>1</v>
      </c>
      <c r="G1177" s="10">
        <v>221</v>
      </c>
    </row>
    <row r="1178" spans="2:7" ht="13.5" customHeight="1" x14ac:dyDescent="0.4">
      <c r="B1178" s="10" t="s">
        <v>1171</v>
      </c>
      <c r="C1178" s="10" t="s">
        <v>8</v>
      </c>
      <c r="D1178" s="10">
        <v>30</v>
      </c>
      <c r="E1178" s="10">
        <v>12</v>
      </c>
      <c r="F1178" s="10">
        <v>1</v>
      </c>
      <c r="G1178" s="10">
        <v>221</v>
      </c>
    </row>
    <row r="1179" spans="2:7" ht="13.5" customHeight="1" x14ac:dyDescent="0.4">
      <c r="B1179" s="10" t="s">
        <v>1172</v>
      </c>
      <c r="C1179" s="10" t="s">
        <v>8</v>
      </c>
      <c r="D1179" s="10">
        <v>30</v>
      </c>
      <c r="E1179" s="10">
        <v>12</v>
      </c>
      <c r="F1179" s="10">
        <v>1</v>
      </c>
      <c r="G1179" s="10">
        <v>221</v>
      </c>
    </row>
    <row r="1180" spans="2:7" ht="13.5" customHeight="1" x14ac:dyDescent="0.4">
      <c r="B1180" s="10" t="s">
        <v>123</v>
      </c>
      <c r="C1180" s="10" t="s">
        <v>8</v>
      </c>
      <c r="D1180" s="10">
        <v>30</v>
      </c>
      <c r="E1180" s="10">
        <v>12</v>
      </c>
      <c r="F1180" s="10">
        <v>1</v>
      </c>
      <c r="G1180" s="10">
        <v>221</v>
      </c>
    </row>
    <row r="1181" spans="2:7" ht="13.5" customHeight="1" x14ac:dyDescent="0.4">
      <c r="B1181" s="10" t="s">
        <v>1173</v>
      </c>
      <c r="C1181" s="10" t="s">
        <v>8</v>
      </c>
      <c r="D1181" s="10">
        <v>30</v>
      </c>
      <c r="E1181" s="10">
        <v>12</v>
      </c>
      <c r="F1181" s="10">
        <v>1</v>
      </c>
      <c r="G1181" s="10">
        <v>221</v>
      </c>
    </row>
    <row r="1182" spans="2:7" ht="13.5" customHeight="1" x14ac:dyDescent="0.4">
      <c r="B1182" s="10" t="s">
        <v>1174</v>
      </c>
      <c r="C1182" s="10" t="s">
        <v>8</v>
      </c>
      <c r="D1182" s="10">
        <v>30</v>
      </c>
      <c r="E1182" s="10">
        <v>12</v>
      </c>
      <c r="F1182" s="10">
        <v>1</v>
      </c>
      <c r="G1182" s="10">
        <v>221</v>
      </c>
    </row>
    <row r="1183" spans="2:7" ht="13.5" customHeight="1" x14ac:dyDescent="0.4">
      <c r="B1183" s="10" t="s">
        <v>1175</v>
      </c>
      <c r="C1183" s="10" t="s">
        <v>8</v>
      </c>
      <c r="D1183" s="10">
        <v>30</v>
      </c>
      <c r="E1183" s="10">
        <v>12</v>
      </c>
      <c r="F1183" s="10">
        <v>1</v>
      </c>
      <c r="G1183" s="10">
        <v>221</v>
      </c>
    </row>
    <row r="1184" spans="2:7" ht="13.5" customHeight="1" x14ac:dyDescent="0.4">
      <c r="B1184" s="10" t="s">
        <v>1176</v>
      </c>
      <c r="C1184" s="10" t="s">
        <v>8</v>
      </c>
      <c r="D1184" s="10">
        <v>30</v>
      </c>
      <c r="E1184" s="10">
        <v>12</v>
      </c>
      <c r="F1184" s="10">
        <v>1</v>
      </c>
      <c r="G1184" s="10">
        <v>221</v>
      </c>
    </row>
    <row r="1185" spans="2:7" ht="13.5" customHeight="1" x14ac:dyDescent="0.4">
      <c r="B1185" s="10" t="s">
        <v>1177</v>
      </c>
      <c r="C1185" s="10" t="s">
        <v>8</v>
      </c>
      <c r="D1185" s="10">
        <v>30</v>
      </c>
      <c r="E1185" s="10">
        <v>12</v>
      </c>
      <c r="F1185" s="10">
        <v>1</v>
      </c>
      <c r="G1185" s="10">
        <v>221</v>
      </c>
    </row>
    <row r="1186" spans="2:7" ht="13.5" customHeight="1" x14ac:dyDescent="0.4">
      <c r="B1186" s="10" t="s">
        <v>1178</v>
      </c>
      <c r="C1186" s="10" t="s">
        <v>8</v>
      </c>
      <c r="D1186" s="10">
        <v>30</v>
      </c>
      <c r="E1186" s="10">
        <v>12</v>
      </c>
      <c r="F1186" s="10">
        <v>1</v>
      </c>
      <c r="G1186" s="10">
        <v>221</v>
      </c>
    </row>
    <row r="1187" spans="2:7" ht="13.5" customHeight="1" x14ac:dyDescent="0.4">
      <c r="B1187" s="10" t="s">
        <v>1179</v>
      </c>
      <c r="C1187" s="10" t="s">
        <v>8</v>
      </c>
      <c r="D1187" s="10">
        <v>30</v>
      </c>
      <c r="E1187" s="10">
        <v>12</v>
      </c>
      <c r="F1187" s="10">
        <v>1</v>
      </c>
      <c r="G1187" s="10">
        <v>221</v>
      </c>
    </row>
    <row r="1188" spans="2:7" ht="13.5" customHeight="1" x14ac:dyDescent="0.4">
      <c r="B1188" s="10" t="s">
        <v>1180</v>
      </c>
      <c r="C1188" s="10" t="s">
        <v>8</v>
      </c>
      <c r="D1188" s="10">
        <v>30</v>
      </c>
      <c r="E1188" s="10">
        <v>12</v>
      </c>
      <c r="F1188" s="10">
        <v>1</v>
      </c>
      <c r="G1188" s="10">
        <v>221</v>
      </c>
    </row>
    <row r="1189" spans="2:7" ht="13.5" customHeight="1" x14ac:dyDescent="0.4">
      <c r="B1189" s="10" t="s">
        <v>1181</v>
      </c>
      <c r="C1189" s="10" t="s">
        <v>8</v>
      </c>
      <c r="D1189" s="10">
        <v>30</v>
      </c>
      <c r="E1189" s="10">
        <v>12</v>
      </c>
      <c r="F1189" s="10">
        <v>1</v>
      </c>
      <c r="G1189" s="10">
        <v>221</v>
      </c>
    </row>
    <row r="1190" spans="2:7" ht="13.5" customHeight="1" x14ac:dyDescent="0.4">
      <c r="B1190" s="10" t="s">
        <v>1182</v>
      </c>
      <c r="C1190" s="10" t="s">
        <v>8</v>
      </c>
      <c r="D1190" s="10">
        <v>30</v>
      </c>
      <c r="E1190" s="10">
        <v>12</v>
      </c>
      <c r="F1190" s="10">
        <v>1</v>
      </c>
      <c r="G1190" s="10">
        <v>221</v>
      </c>
    </row>
    <row r="1191" spans="2:7" ht="13.5" customHeight="1" x14ac:dyDescent="0.4">
      <c r="B1191" s="10" t="s">
        <v>1183</v>
      </c>
      <c r="C1191" s="10" t="s">
        <v>8</v>
      </c>
      <c r="D1191" s="10">
        <v>30</v>
      </c>
      <c r="E1191" s="10">
        <v>12</v>
      </c>
      <c r="F1191" s="10">
        <v>1</v>
      </c>
      <c r="G1191" s="10">
        <v>221</v>
      </c>
    </row>
    <row r="1192" spans="2:7" ht="13.5" customHeight="1" x14ac:dyDescent="0.4">
      <c r="B1192" s="10" t="s">
        <v>1060</v>
      </c>
      <c r="C1192" s="10" t="s">
        <v>8</v>
      </c>
      <c r="D1192" s="10">
        <v>30</v>
      </c>
      <c r="E1192" s="10">
        <v>12</v>
      </c>
      <c r="F1192" s="10">
        <v>1</v>
      </c>
      <c r="G1192" s="10">
        <v>221</v>
      </c>
    </row>
    <row r="1193" spans="2:7" ht="13.5" customHeight="1" x14ac:dyDescent="0.4">
      <c r="B1193" s="10" t="s">
        <v>835</v>
      </c>
      <c r="C1193" s="10" t="s">
        <v>8</v>
      </c>
      <c r="D1193" s="10">
        <v>30</v>
      </c>
      <c r="E1193" s="10">
        <v>12</v>
      </c>
      <c r="F1193" s="10">
        <v>1</v>
      </c>
      <c r="G1193" s="10">
        <v>221</v>
      </c>
    </row>
    <row r="1194" spans="2:7" ht="13.5" customHeight="1" x14ac:dyDescent="0.4">
      <c r="B1194" s="10" t="s">
        <v>1184</v>
      </c>
      <c r="C1194" s="10" t="s">
        <v>8</v>
      </c>
      <c r="D1194" s="10">
        <v>30</v>
      </c>
      <c r="E1194" s="10">
        <v>12</v>
      </c>
      <c r="F1194" s="10">
        <v>1</v>
      </c>
      <c r="G1194" s="10">
        <v>221</v>
      </c>
    </row>
    <row r="1195" spans="2:7" ht="13.5" customHeight="1" x14ac:dyDescent="0.4">
      <c r="B1195" s="10" t="s">
        <v>1185</v>
      </c>
      <c r="C1195" s="10" t="s">
        <v>8</v>
      </c>
      <c r="D1195" s="10">
        <v>30</v>
      </c>
      <c r="E1195" s="10">
        <v>12</v>
      </c>
      <c r="F1195" s="10">
        <v>1</v>
      </c>
      <c r="G1195" s="10">
        <v>221</v>
      </c>
    </row>
    <row r="1196" spans="2:7" ht="13.5" customHeight="1" x14ac:dyDescent="0.4">
      <c r="B1196" s="10" t="s">
        <v>1186</v>
      </c>
      <c r="C1196" s="10" t="s">
        <v>8</v>
      </c>
      <c r="D1196" s="10">
        <v>30</v>
      </c>
      <c r="E1196" s="10">
        <v>12</v>
      </c>
      <c r="F1196" s="10">
        <v>1</v>
      </c>
      <c r="G1196" s="10">
        <v>221</v>
      </c>
    </row>
    <row r="1197" spans="2:7" ht="13.5" customHeight="1" x14ac:dyDescent="0.4">
      <c r="B1197" s="10" t="s">
        <v>1187</v>
      </c>
      <c r="C1197" s="10" t="s">
        <v>8</v>
      </c>
      <c r="D1197" s="10">
        <v>30</v>
      </c>
      <c r="E1197" s="10">
        <v>12</v>
      </c>
      <c r="F1197" s="10">
        <v>1</v>
      </c>
      <c r="G1197" s="10">
        <v>221</v>
      </c>
    </row>
    <row r="1198" spans="2:7" ht="13.5" customHeight="1" x14ac:dyDescent="0.4">
      <c r="B1198" s="10" t="s">
        <v>1188</v>
      </c>
      <c r="C1198" s="10" t="s">
        <v>8</v>
      </c>
      <c r="D1198" s="10">
        <v>30</v>
      </c>
      <c r="E1198" s="10">
        <v>12</v>
      </c>
      <c r="F1198" s="10">
        <v>1</v>
      </c>
      <c r="G1198" s="10">
        <v>221</v>
      </c>
    </row>
    <row r="1199" spans="2:7" ht="13.5" customHeight="1" x14ac:dyDescent="0.4">
      <c r="B1199" s="10" t="s">
        <v>1189</v>
      </c>
      <c r="C1199" s="10" t="s">
        <v>8</v>
      </c>
      <c r="D1199" s="10">
        <v>30</v>
      </c>
      <c r="E1199" s="10">
        <v>12</v>
      </c>
      <c r="F1199" s="10">
        <v>1</v>
      </c>
      <c r="G1199" s="10">
        <v>221</v>
      </c>
    </row>
    <row r="1200" spans="2:7" ht="13.5" customHeight="1" x14ac:dyDescent="0.4">
      <c r="B1200" s="10" t="s">
        <v>1190</v>
      </c>
      <c r="C1200" s="10" t="s">
        <v>8</v>
      </c>
      <c r="D1200" s="10">
        <v>30</v>
      </c>
      <c r="E1200" s="10">
        <v>12</v>
      </c>
      <c r="F1200" s="10">
        <v>1</v>
      </c>
      <c r="G1200" s="10">
        <v>221</v>
      </c>
    </row>
    <row r="1201" spans="2:7" ht="13.5" customHeight="1" x14ac:dyDescent="0.4">
      <c r="B1201" s="10" t="s">
        <v>1191</v>
      </c>
      <c r="C1201" s="10" t="s">
        <v>8</v>
      </c>
      <c r="D1201" s="10">
        <v>30</v>
      </c>
      <c r="E1201" s="10">
        <v>12</v>
      </c>
      <c r="F1201" s="10">
        <v>1</v>
      </c>
      <c r="G1201" s="10">
        <v>221</v>
      </c>
    </row>
    <row r="1202" spans="2:7" ht="13.5" customHeight="1" x14ac:dyDescent="0.4">
      <c r="B1202" s="10" t="s">
        <v>1192</v>
      </c>
      <c r="C1202" s="10" t="s">
        <v>8</v>
      </c>
      <c r="D1202" s="10">
        <v>30</v>
      </c>
      <c r="E1202" s="10">
        <v>12</v>
      </c>
      <c r="F1202" s="10">
        <v>1</v>
      </c>
      <c r="G1202" s="10">
        <v>221</v>
      </c>
    </row>
    <row r="1203" spans="2:7" ht="13.5" customHeight="1" x14ac:dyDescent="0.4">
      <c r="B1203" s="10" t="s">
        <v>1193</v>
      </c>
      <c r="C1203" s="10" t="s">
        <v>8</v>
      </c>
      <c r="D1203" s="10">
        <v>30</v>
      </c>
      <c r="E1203" s="10">
        <v>12</v>
      </c>
      <c r="F1203" s="10">
        <v>1</v>
      </c>
      <c r="G1203" s="10">
        <v>221</v>
      </c>
    </row>
    <row r="1204" spans="2:7" ht="13.5" customHeight="1" x14ac:dyDescent="0.4">
      <c r="B1204" s="10" t="s">
        <v>1194</v>
      </c>
      <c r="C1204" s="10" t="s">
        <v>8</v>
      </c>
      <c r="D1204" s="10">
        <v>30</v>
      </c>
      <c r="E1204" s="10">
        <v>12</v>
      </c>
      <c r="F1204" s="10">
        <v>1</v>
      </c>
      <c r="G1204" s="10">
        <v>221</v>
      </c>
    </row>
    <row r="1205" spans="2:7" ht="13.5" customHeight="1" x14ac:dyDescent="0.4">
      <c r="B1205" s="10" t="s">
        <v>1195</v>
      </c>
      <c r="C1205" s="10" t="s">
        <v>8</v>
      </c>
      <c r="D1205" s="10">
        <v>30</v>
      </c>
      <c r="E1205" s="10">
        <v>12</v>
      </c>
      <c r="F1205" s="10">
        <v>1</v>
      </c>
      <c r="G1205" s="10">
        <v>221</v>
      </c>
    </row>
    <row r="1206" spans="2:7" ht="13.5" customHeight="1" x14ac:dyDescent="0.4">
      <c r="B1206" s="10" t="s">
        <v>1196</v>
      </c>
      <c r="C1206" s="10" t="s">
        <v>8</v>
      </c>
      <c r="D1206" s="10">
        <v>30</v>
      </c>
      <c r="E1206" s="10">
        <v>12</v>
      </c>
      <c r="F1206" s="10">
        <v>1</v>
      </c>
      <c r="G1206" s="10">
        <v>221</v>
      </c>
    </row>
    <row r="1207" spans="2:7" ht="13.5" customHeight="1" x14ac:dyDescent="0.4">
      <c r="B1207" s="10" t="s">
        <v>1197</v>
      </c>
      <c r="C1207" s="10" t="s">
        <v>8</v>
      </c>
      <c r="D1207" s="10">
        <v>30</v>
      </c>
      <c r="E1207" s="10">
        <v>12</v>
      </c>
      <c r="F1207" s="10">
        <v>1</v>
      </c>
      <c r="G1207" s="10">
        <v>221</v>
      </c>
    </row>
    <row r="1208" spans="2:7" ht="13.5" customHeight="1" x14ac:dyDescent="0.4">
      <c r="B1208" s="10" t="s">
        <v>1198</v>
      </c>
      <c r="C1208" s="10" t="s">
        <v>8</v>
      </c>
      <c r="D1208" s="10">
        <v>30</v>
      </c>
      <c r="E1208" s="10">
        <v>12</v>
      </c>
      <c r="F1208" s="10">
        <v>1</v>
      </c>
      <c r="G1208" s="10">
        <v>221</v>
      </c>
    </row>
    <row r="1209" spans="2:7" ht="13.5" customHeight="1" x14ac:dyDescent="0.4">
      <c r="B1209" s="10" t="s">
        <v>1199</v>
      </c>
      <c r="C1209" s="10" t="s">
        <v>8</v>
      </c>
      <c r="D1209" s="10">
        <v>30</v>
      </c>
      <c r="E1209" s="10">
        <v>12</v>
      </c>
      <c r="F1209" s="10">
        <v>1</v>
      </c>
      <c r="G1209" s="10">
        <v>221</v>
      </c>
    </row>
    <row r="1210" spans="2:7" ht="13.5" customHeight="1" x14ac:dyDescent="0.4">
      <c r="B1210" s="10" t="s">
        <v>1200</v>
      </c>
      <c r="C1210" s="10" t="s">
        <v>8</v>
      </c>
      <c r="D1210" s="10">
        <v>30</v>
      </c>
      <c r="E1210" s="10">
        <v>12</v>
      </c>
      <c r="F1210" s="10">
        <v>1</v>
      </c>
      <c r="G1210" s="10">
        <v>221</v>
      </c>
    </row>
    <row r="1211" spans="2:7" ht="13.5" customHeight="1" x14ac:dyDescent="0.4">
      <c r="B1211" s="10" t="s">
        <v>1201</v>
      </c>
      <c r="C1211" s="10" t="s">
        <v>8</v>
      </c>
      <c r="D1211" s="10">
        <v>30</v>
      </c>
      <c r="E1211" s="10">
        <v>12</v>
      </c>
      <c r="F1211" s="10">
        <v>1</v>
      </c>
      <c r="G1211" s="10">
        <v>221</v>
      </c>
    </row>
    <row r="1212" spans="2:7" ht="13.5" customHeight="1" x14ac:dyDescent="0.4">
      <c r="B1212" s="10" t="s">
        <v>1202</v>
      </c>
      <c r="C1212" s="10" t="s">
        <v>8</v>
      </c>
      <c r="D1212" s="10">
        <v>30</v>
      </c>
      <c r="E1212" s="10">
        <v>12</v>
      </c>
      <c r="F1212" s="10">
        <v>1</v>
      </c>
      <c r="G1212" s="10">
        <v>221</v>
      </c>
    </row>
    <row r="1213" spans="2:7" ht="13.5" customHeight="1" x14ac:dyDescent="0.4">
      <c r="B1213" s="10" t="s">
        <v>1203</v>
      </c>
      <c r="C1213" s="10" t="s">
        <v>8</v>
      </c>
      <c r="D1213" s="10">
        <v>30</v>
      </c>
      <c r="E1213" s="10">
        <v>12</v>
      </c>
      <c r="F1213" s="10">
        <v>1</v>
      </c>
      <c r="G1213" s="10">
        <v>221</v>
      </c>
    </row>
    <row r="1214" spans="2:7" ht="13.5" customHeight="1" x14ac:dyDescent="0.4">
      <c r="B1214" s="10" t="s">
        <v>1204</v>
      </c>
      <c r="C1214" s="10" t="s">
        <v>8</v>
      </c>
      <c r="D1214" s="10">
        <v>30</v>
      </c>
      <c r="E1214" s="10">
        <v>12</v>
      </c>
      <c r="F1214" s="10">
        <v>1</v>
      </c>
      <c r="G1214" s="10">
        <v>221</v>
      </c>
    </row>
    <row r="1215" spans="2:7" ht="13.5" customHeight="1" x14ac:dyDescent="0.4">
      <c r="B1215" s="10" t="s">
        <v>1205</v>
      </c>
      <c r="C1215" s="10" t="s">
        <v>8</v>
      </c>
      <c r="D1215" s="10">
        <v>30</v>
      </c>
      <c r="E1215" s="10">
        <v>12</v>
      </c>
      <c r="F1215" s="10">
        <v>1</v>
      </c>
      <c r="G1215" s="10">
        <v>221</v>
      </c>
    </row>
    <row r="1216" spans="2:7" ht="13.5" customHeight="1" x14ac:dyDescent="0.4">
      <c r="B1216" s="10" t="s">
        <v>1206</v>
      </c>
      <c r="C1216" s="10" t="s">
        <v>8</v>
      </c>
      <c r="D1216" s="10">
        <v>30</v>
      </c>
      <c r="E1216" s="10">
        <v>12</v>
      </c>
      <c r="F1216" s="10">
        <v>1</v>
      </c>
      <c r="G1216" s="10">
        <v>221</v>
      </c>
    </row>
    <row r="1217" spans="2:7" ht="13.5" customHeight="1" x14ac:dyDescent="0.4">
      <c r="B1217" s="10" t="s">
        <v>1207</v>
      </c>
      <c r="C1217" s="10" t="s">
        <v>8</v>
      </c>
      <c r="D1217" s="10">
        <v>30</v>
      </c>
      <c r="E1217" s="10">
        <v>12</v>
      </c>
      <c r="F1217" s="10">
        <v>1</v>
      </c>
      <c r="G1217" s="10">
        <v>221</v>
      </c>
    </row>
    <row r="1218" spans="2:7" ht="13.5" customHeight="1" x14ac:dyDescent="0.4">
      <c r="B1218" s="10" t="s">
        <v>1208</v>
      </c>
      <c r="C1218" s="10" t="s">
        <v>8</v>
      </c>
      <c r="D1218" s="10">
        <v>30</v>
      </c>
      <c r="E1218" s="10">
        <v>12</v>
      </c>
      <c r="F1218" s="10">
        <v>1</v>
      </c>
      <c r="G1218" s="10">
        <v>221</v>
      </c>
    </row>
    <row r="1219" spans="2:7" ht="13.5" customHeight="1" x14ac:dyDescent="0.4">
      <c r="B1219" s="10" t="s">
        <v>1209</v>
      </c>
      <c r="C1219" s="10" t="s">
        <v>8</v>
      </c>
      <c r="D1219" s="10">
        <v>30</v>
      </c>
      <c r="E1219" s="10">
        <v>12</v>
      </c>
      <c r="F1219" s="10">
        <v>1</v>
      </c>
      <c r="G1219" s="10">
        <v>221</v>
      </c>
    </row>
    <row r="1220" spans="2:7" ht="13.5" customHeight="1" x14ac:dyDescent="0.4">
      <c r="B1220" s="10" t="s">
        <v>1210</v>
      </c>
      <c r="C1220" s="10" t="s">
        <v>8</v>
      </c>
      <c r="D1220" s="10">
        <v>30</v>
      </c>
      <c r="E1220" s="10">
        <v>12</v>
      </c>
      <c r="F1220" s="10">
        <v>1</v>
      </c>
      <c r="G1220" s="10">
        <v>221</v>
      </c>
    </row>
    <row r="1221" spans="2:7" ht="13.5" customHeight="1" x14ac:dyDescent="0.4">
      <c r="B1221" s="10" t="s">
        <v>1211</v>
      </c>
      <c r="C1221" s="10" t="s">
        <v>8</v>
      </c>
      <c r="D1221" s="10">
        <v>30</v>
      </c>
      <c r="E1221" s="10">
        <v>12</v>
      </c>
      <c r="F1221" s="10">
        <v>1</v>
      </c>
      <c r="G1221" s="10">
        <v>221</v>
      </c>
    </row>
    <row r="1222" spans="2:7" ht="13.5" customHeight="1" x14ac:dyDescent="0.4">
      <c r="B1222" s="10" t="s">
        <v>1212</v>
      </c>
      <c r="C1222" s="10" t="s">
        <v>8</v>
      </c>
      <c r="D1222" s="10">
        <v>30</v>
      </c>
      <c r="E1222" s="10">
        <v>12</v>
      </c>
      <c r="F1222" s="10">
        <v>1</v>
      </c>
      <c r="G1222" s="10">
        <v>221</v>
      </c>
    </row>
    <row r="1223" spans="2:7" ht="13.5" customHeight="1" x14ac:dyDescent="0.4">
      <c r="B1223" s="10" t="s">
        <v>1213</v>
      </c>
      <c r="C1223" s="10" t="s">
        <v>8</v>
      </c>
      <c r="D1223" s="10">
        <v>30</v>
      </c>
      <c r="E1223" s="10">
        <v>12</v>
      </c>
      <c r="F1223" s="10">
        <v>1</v>
      </c>
      <c r="G1223" s="10">
        <v>221</v>
      </c>
    </row>
    <row r="1224" spans="2:7" ht="13.5" customHeight="1" x14ac:dyDescent="0.4">
      <c r="B1224" s="10" t="s">
        <v>1214</v>
      </c>
      <c r="C1224" s="10" t="s">
        <v>8</v>
      </c>
      <c r="D1224" s="10">
        <v>30</v>
      </c>
      <c r="E1224" s="10">
        <v>12</v>
      </c>
      <c r="F1224" s="10">
        <v>1</v>
      </c>
      <c r="G1224" s="10">
        <v>221</v>
      </c>
    </row>
    <row r="1225" spans="2:7" ht="13.5" customHeight="1" x14ac:dyDescent="0.4">
      <c r="B1225" s="10" t="s">
        <v>1215</v>
      </c>
      <c r="C1225" s="10" t="s">
        <v>8</v>
      </c>
      <c r="D1225" s="10">
        <v>30</v>
      </c>
      <c r="E1225" s="10">
        <v>12</v>
      </c>
      <c r="F1225" s="10">
        <v>1</v>
      </c>
      <c r="G1225" s="10">
        <v>221</v>
      </c>
    </row>
    <row r="1226" spans="2:7" ht="13.5" customHeight="1" x14ac:dyDescent="0.4">
      <c r="B1226" s="10" t="s">
        <v>1216</v>
      </c>
      <c r="C1226" s="10" t="s">
        <v>8</v>
      </c>
      <c r="D1226" s="10">
        <v>30</v>
      </c>
      <c r="E1226" s="10">
        <v>12</v>
      </c>
      <c r="F1226" s="10">
        <v>1</v>
      </c>
      <c r="G1226" s="10">
        <v>221</v>
      </c>
    </row>
    <row r="1227" spans="2:7" ht="13.5" customHeight="1" x14ac:dyDescent="0.4">
      <c r="B1227" s="10" t="s">
        <v>1217</v>
      </c>
      <c r="C1227" s="10" t="s">
        <v>8</v>
      </c>
      <c r="D1227" s="10">
        <v>30</v>
      </c>
      <c r="E1227" s="10">
        <v>12</v>
      </c>
      <c r="F1227" s="10">
        <v>1</v>
      </c>
      <c r="G1227" s="10">
        <v>221</v>
      </c>
    </row>
    <row r="1228" spans="2:7" ht="13.5" customHeight="1" x14ac:dyDescent="0.4">
      <c r="B1228" s="10" t="s">
        <v>1218</v>
      </c>
      <c r="C1228" s="10" t="s">
        <v>8</v>
      </c>
      <c r="D1228" s="10">
        <v>30</v>
      </c>
      <c r="E1228" s="10">
        <v>12</v>
      </c>
      <c r="F1228" s="10">
        <v>1</v>
      </c>
      <c r="G1228" s="10">
        <v>221</v>
      </c>
    </row>
    <row r="1229" spans="2:7" ht="13.5" customHeight="1" x14ac:dyDescent="0.4">
      <c r="B1229" s="10" t="s">
        <v>1219</v>
      </c>
      <c r="C1229" s="10" t="s">
        <v>8</v>
      </c>
      <c r="D1229" s="10">
        <v>30</v>
      </c>
      <c r="E1229" s="10">
        <v>12</v>
      </c>
      <c r="F1229" s="10">
        <v>1</v>
      </c>
      <c r="G1229" s="10">
        <v>221</v>
      </c>
    </row>
    <row r="1230" spans="2:7" ht="13.5" customHeight="1" x14ac:dyDescent="0.4">
      <c r="B1230" s="10" t="s">
        <v>1220</v>
      </c>
      <c r="C1230" s="10" t="s">
        <v>8</v>
      </c>
      <c r="D1230" s="10">
        <v>30</v>
      </c>
      <c r="E1230" s="10">
        <v>12</v>
      </c>
      <c r="F1230" s="10">
        <v>1</v>
      </c>
      <c r="G1230" s="10">
        <v>221</v>
      </c>
    </row>
    <row r="1231" spans="2:7" ht="13.5" customHeight="1" x14ac:dyDescent="0.4">
      <c r="B1231" s="10" t="s">
        <v>1221</v>
      </c>
      <c r="C1231" s="10" t="s">
        <v>8</v>
      </c>
      <c r="D1231" s="10">
        <v>30</v>
      </c>
      <c r="E1231" s="10">
        <v>12</v>
      </c>
      <c r="F1231" s="10">
        <v>1</v>
      </c>
      <c r="G1231" s="10">
        <v>221</v>
      </c>
    </row>
    <row r="1232" spans="2:7" ht="13.5" customHeight="1" x14ac:dyDescent="0.4">
      <c r="B1232" s="10" t="s">
        <v>1222</v>
      </c>
      <c r="C1232" s="10" t="s">
        <v>8</v>
      </c>
      <c r="D1232" s="10">
        <v>30</v>
      </c>
      <c r="E1232" s="10">
        <v>12</v>
      </c>
      <c r="F1232" s="10">
        <v>1</v>
      </c>
      <c r="G1232" s="10">
        <v>221</v>
      </c>
    </row>
    <row r="1233" spans="2:7" ht="13.5" customHeight="1" x14ac:dyDescent="0.4">
      <c r="B1233" s="10" t="s">
        <v>1223</v>
      </c>
      <c r="C1233" s="10" t="s">
        <v>8</v>
      </c>
      <c r="D1233" s="10">
        <v>30</v>
      </c>
      <c r="E1233" s="10">
        <v>12</v>
      </c>
      <c r="F1233" s="10">
        <v>1</v>
      </c>
      <c r="G1233" s="10">
        <v>221</v>
      </c>
    </row>
    <row r="1234" spans="2:7" ht="13.5" customHeight="1" x14ac:dyDescent="0.4">
      <c r="B1234" s="10" t="s">
        <v>1224</v>
      </c>
      <c r="C1234" s="10" t="s">
        <v>8</v>
      </c>
      <c r="D1234" s="10">
        <v>30</v>
      </c>
      <c r="E1234" s="10">
        <v>12</v>
      </c>
      <c r="F1234" s="10">
        <v>1</v>
      </c>
      <c r="G1234" s="10">
        <v>221</v>
      </c>
    </row>
    <row r="1235" spans="2:7" ht="13.5" customHeight="1" x14ac:dyDescent="0.4">
      <c r="B1235" s="10" t="s">
        <v>1225</v>
      </c>
      <c r="C1235" s="10" t="s">
        <v>8</v>
      </c>
      <c r="D1235" s="10">
        <v>30</v>
      </c>
      <c r="E1235" s="10">
        <v>12</v>
      </c>
      <c r="F1235" s="10">
        <v>1</v>
      </c>
      <c r="G1235" s="10">
        <v>221</v>
      </c>
    </row>
    <row r="1236" spans="2:7" ht="13.5" customHeight="1" x14ac:dyDescent="0.4">
      <c r="B1236" s="10" t="s">
        <v>1226</v>
      </c>
      <c r="C1236" s="10" t="s">
        <v>8</v>
      </c>
      <c r="D1236" s="10">
        <v>30</v>
      </c>
      <c r="E1236" s="10">
        <v>12</v>
      </c>
      <c r="F1236" s="10">
        <v>1</v>
      </c>
      <c r="G1236" s="10">
        <v>221</v>
      </c>
    </row>
    <row r="1237" spans="2:7" ht="13.5" customHeight="1" x14ac:dyDescent="0.4">
      <c r="B1237" s="10" t="s">
        <v>1227</v>
      </c>
      <c r="C1237" s="10" t="s">
        <v>8</v>
      </c>
      <c r="D1237" s="10">
        <v>30</v>
      </c>
      <c r="E1237" s="10">
        <v>12</v>
      </c>
      <c r="F1237" s="10">
        <v>1</v>
      </c>
      <c r="G1237" s="10">
        <v>221</v>
      </c>
    </row>
    <row r="1238" spans="2:7" ht="13.5" customHeight="1" x14ac:dyDescent="0.4">
      <c r="B1238" s="10" t="s">
        <v>1228</v>
      </c>
      <c r="C1238" s="10" t="s">
        <v>8</v>
      </c>
      <c r="D1238" s="10">
        <v>30</v>
      </c>
      <c r="E1238" s="10">
        <v>12</v>
      </c>
      <c r="F1238" s="10">
        <v>1</v>
      </c>
      <c r="G1238" s="10">
        <v>221</v>
      </c>
    </row>
    <row r="1239" spans="2:7" ht="13.5" customHeight="1" x14ac:dyDescent="0.4">
      <c r="B1239" s="10" t="s">
        <v>1229</v>
      </c>
      <c r="C1239" s="10" t="s">
        <v>8</v>
      </c>
      <c r="D1239" s="10">
        <v>30</v>
      </c>
      <c r="E1239" s="10">
        <v>12</v>
      </c>
      <c r="F1239" s="10">
        <v>1</v>
      </c>
      <c r="G1239" s="10">
        <v>221</v>
      </c>
    </row>
    <row r="1240" spans="2:7" ht="13.5" customHeight="1" x14ac:dyDescent="0.4">
      <c r="B1240" s="10" t="s">
        <v>1230</v>
      </c>
      <c r="C1240" s="10" t="s">
        <v>8</v>
      </c>
      <c r="D1240" s="10">
        <v>30</v>
      </c>
      <c r="E1240" s="10">
        <v>12</v>
      </c>
      <c r="F1240" s="10">
        <v>1</v>
      </c>
      <c r="G1240" s="10">
        <v>221</v>
      </c>
    </row>
    <row r="1241" spans="2:7" ht="13.5" customHeight="1" x14ac:dyDescent="0.4">
      <c r="B1241" s="10" t="s">
        <v>1231</v>
      </c>
      <c r="C1241" s="10" t="s">
        <v>8</v>
      </c>
      <c r="D1241" s="10">
        <v>30</v>
      </c>
      <c r="E1241" s="10">
        <v>12</v>
      </c>
      <c r="F1241" s="10">
        <v>1</v>
      </c>
      <c r="G1241" s="10">
        <v>221</v>
      </c>
    </row>
    <row r="1242" spans="2:7" ht="13.5" customHeight="1" x14ac:dyDescent="0.4">
      <c r="B1242" s="10" t="s">
        <v>1232</v>
      </c>
      <c r="C1242" s="10" t="s">
        <v>8</v>
      </c>
      <c r="D1242" s="10">
        <v>30</v>
      </c>
      <c r="E1242" s="10">
        <v>12</v>
      </c>
      <c r="F1242" s="10">
        <v>1</v>
      </c>
      <c r="G1242" s="10">
        <v>221</v>
      </c>
    </row>
    <row r="1243" spans="2:7" ht="13.5" customHeight="1" x14ac:dyDescent="0.4">
      <c r="B1243" s="10" t="s">
        <v>1233</v>
      </c>
      <c r="C1243" s="10" t="s">
        <v>8</v>
      </c>
      <c r="D1243" s="10">
        <v>30</v>
      </c>
      <c r="E1243" s="10">
        <v>12</v>
      </c>
      <c r="F1243" s="10">
        <v>1</v>
      </c>
      <c r="G1243" s="10">
        <v>221</v>
      </c>
    </row>
    <row r="1244" spans="2:7" ht="13.5" customHeight="1" x14ac:dyDescent="0.4">
      <c r="B1244" s="10" t="s">
        <v>1234</v>
      </c>
      <c r="C1244" s="10" t="s">
        <v>8</v>
      </c>
      <c r="D1244" s="10">
        <v>30</v>
      </c>
      <c r="E1244" s="10">
        <v>12</v>
      </c>
      <c r="F1244" s="10">
        <v>1</v>
      </c>
      <c r="G1244" s="10">
        <v>221</v>
      </c>
    </row>
    <row r="1245" spans="2:7" ht="13.5" customHeight="1" x14ac:dyDescent="0.4">
      <c r="B1245" s="10" t="s">
        <v>1235</v>
      </c>
      <c r="C1245" s="10" t="s">
        <v>8</v>
      </c>
      <c r="D1245" s="10">
        <v>30</v>
      </c>
      <c r="E1245" s="10">
        <v>12</v>
      </c>
      <c r="F1245" s="10">
        <v>1</v>
      </c>
      <c r="G1245" s="10">
        <v>221</v>
      </c>
    </row>
    <row r="1246" spans="2:7" ht="13.5" customHeight="1" x14ac:dyDescent="0.4">
      <c r="B1246" s="10" t="s">
        <v>1236</v>
      </c>
      <c r="C1246" s="10" t="s">
        <v>8</v>
      </c>
      <c r="D1246" s="10">
        <v>30</v>
      </c>
      <c r="E1246" s="10">
        <v>12</v>
      </c>
      <c r="F1246" s="10">
        <v>1</v>
      </c>
      <c r="G1246" s="10">
        <v>221</v>
      </c>
    </row>
    <row r="1247" spans="2:7" ht="13.5" customHeight="1" x14ac:dyDescent="0.4">
      <c r="B1247" s="10" t="s">
        <v>1237</v>
      </c>
      <c r="C1247" s="10" t="s">
        <v>8</v>
      </c>
      <c r="D1247" s="10">
        <v>30</v>
      </c>
      <c r="E1247" s="10">
        <v>12</v>
      </c>
      <c r="F1247" s="10">
        <v>1</v>
      </c>
      <c r="G1247" s="10">
        <v>221</v>
      </c>
    </row>
    <row r="1248" spans="2:7" ht="13.5" customHeight="1" x14ac:dyDescent="0.4">
      <c r="B1248" s="10" t="s">
        <v>187</v>
      </c>
      <c r="C1248" s="10" t="s">
        <v>8</v>
      </c>
      <c r="D1248" s="10">
        <v>30</v>
      </c>
      <c r="E1248" s="10">
        <v>12</v>
      </c>
      <c r="F1248" s="10">
        <v>1</v>
      </c>
      <c r="G1248" s="10">
        <v>221</v>
      </c>
    </row>
    <row r="1249" spans="2:7" ht="13.5" customHeight="1" x14ac:dyDescent="0.4">
      <c r="B1249" s="10" t="s">
        <v>1238</v>
      </c>
      <c r="C1249" s="10" t="s">
        <v>8</v>
      </c>
      <c r="D1249" s="10">
        <v>30</v>
      </c>
      <c r="E1249" s="10">
        <v>12</v>
      </c>
      <c r="F1249" s="10">
        <v>1</v>
      </c>
      <c r="G1249" s="10">
        <v>221</v>
      </c>
    </row>
    <row r="1250" spans="2:7" ht="13.5" customHeight="1" x14ac:dyDescent="0.4">
      <c r="B1250" s="10" t="s">
        <v>1239</v>
      </c>
      <c r="C1250" s="10" t="s">
        <v>8</v>
      </c>
      <c r="D1250" s="10">
        <v>30</v>
      </c>
      <c r="E1250" s="10">
        <v>12</v>
      </c>
      <c r="F1250" s="10">
        <v>1</v>
      </c>
      <c r="G1250" s="10">
        <v>221</v>
      </c>
    </row>
    <row r="1251" spans="2:7" ht="18.75" x14ac:dyDescent="0.4">
      <c r="B1251" s="10" t="s">
        <v>1240</v>
      </c>
      <c r="C1251" s="10" t="s">
        <v>8</v>
      </c>
      <c r="D1251" s="10">
        <v>30</v>
      </c>
      <c r="E1251" s="10">
        <v>12</v>
      </c>
      <c r="F1251" s="10">
        <v>1</v>
      </c>
      <c r="G1251" s="10">
        <v>221</v>
      </c>
    </row>
    <row r="1252" spans="2:7" ht="18.75" x14ac:dyDescent="0.4">
      <c r="B1252" s="10" t="s">
        <v>1241</v>
      </c>
      <c r="C1252" s="10" t="s">
        <v>8</v>
      </c>
      <c r="D1252" s="10">
        <v>30</v>
      </c>
      <c r="E1252" s="10">
        <v>12</v>
      </c>
      <c r="F1252" s="10">
        <v>1</v>
      </c>
      <c r="G1252" s="10">
        <v>221</v>
      </c>
    </row>
    <row r="1253" spans="2:7" ht="18.75" x14ac:dyDescent="0.4">
      <c r="B1253" s="10" t="s">
        <v>1242</v>
      </c>
      <c r="C1253" s="10" t="s">
        <v>8</v>
      </c>
      <c r="D1253" s="10">
        <v>30</v>
      </c>
      <c r="E1253" s="10">
        <v>12</v>
      </c>
      <c r="F1253" s="10">
        <v>1</v>
      </c>
      <c r="G1253" s="10">
        <v>221</v>
      </c>
    </row>
    <row r="1254" spans="2:7" ht="18.75" x14ac:dyDescent="0.4">
      <c r="B1254" s="10" t="s">
        <v>1243</v>
      </c>
      <c r="C1254" s="10" t="s">
        <v>8</v>
      </c>
      <c r="D1254" s="10">
        <v>30</v>
      </c>
      <c r="E1254" s="10">
        <v>12</v>
      </c>
      <c r="F1254" s="10">
        <v>1</v>
      </c>
      <c r="G1254" s="10">
        <v>221</v>
      </c>
    </row>
    <row r="1255" spans="2:7" ht="18.75" x14ac:dyDescent="0.4">
      <c r="B1255" s="10" t="s">
        <v>1244</v>
      </c>
      <c r="C1255" s="10" t="s">
        <v>8</v>
      </c>
      <c r="D1255" s="10">
        <v>30</v>
      </c>
      <c r="E1255" s="10">
        <v>12</v>
      </c>
      <c r="F1255" s="10">
        <v>1</v>
      </c>
      <c r="G1255" s="10">
        <v>221</v>
      </c>
    </row>
    <row r="1256" spans="2:7" ht="18.75" x14ac:dyDescent="0.4">
      <c r="B1256" s="10" t="s">
        <v>1245</v>
      </c>
      <c r="C1256" s="10" t="s">
        <v>8</v>
      </c>
      <c r="D1256" s="10">
        <v>30</v>
      </c>
      <c r="E1256" s="10">
        <v>12</v>
      </c>
      <c r="F1256" s="10">
        <v>1</v>
      </c>
      <c r="G1256" s="10">
        <v>221</v>
      </c>
    </row>
    <row r="1257" spans="2:7" ht="18.75" x14ac:dyDescent="0.4">
      <c r="B1257" s="10" t="s">
        <v>1246</v>
      </c>
      <c r="C1257" s="10" t="s">
        <v>8</v>
      </c>
      <c r="D1257" s="10">
        <v>30</v>
      </c>
      <c r="E1257" s="10">
        <v>12</v>
      </c>
      <c r="F1257" s="10">
        <v>1</v>
      </c>
      <c r="G1257" s="10">
        <v>221</v>
      </c>
    </row>
    <row r="1258" spans="2:7" ht="18.75" x14ac:dyDescent="0.4">
      <c r="B1258" s="10" t="s">
        <v>1247</v>
      </c>
      <c r="C1258" s="10" t="s">
        <v>8</v>
      </c>
      <c r="D1258" s="10">
        <v>30</v>
      </c>
      <c r="E1258" s="10">
        <v>12</v>
      </c>
      <c r="F1258" s="10">
        <v>1</v>
      </c>
      <c r="G1258" s="10">
        <v>221</v>
      </c>
    </row>
    <row r="1259" spans="2:7" ht="18.75" x14ac:dyDescent="0.4">
      <c r="B1259" s="10" t="s">
        <v>1248</v>
      </c>
      <c r="C1259" s="10" t="s">
        <v>8</v>
      </c>
      <c r="D1259" s="10">
        <v>30</v>
      </c>
      <c r="E1259" s="10">
        <v>12</v>
      </c>
      <c r="F1259" s="10">
        <v>1</v>
      </c>
      <c r="G1259" s="10">
        <v>221</v>
      </c>
    </row>
    <row r="1260" spans="2:7" ht="18.75" x14ac:dyDescent="0.4">
      <c r="B1260" s="10" t="s">
        <v>1249</v>
      </c>
      <c r="C1260" s="10" t="s">
        <v>8</v>
      </c>
      <c r="D1260" s="10">
        <v>30</v>
      </c>
      <c r="E1260" s="10">
        <v>12</v>
      </c>
      <c r="F1260" s="10">
        <v>1</v>
      </c>
      <c r="G1260" s="10">
        <v>221</v>
      </c>
    </row>
    <row r="1261" spans="2:7" ht="18.75" x14ac:dyDescent="0.4">
      <c r="B1261" s="10" t="s">
        <v>1250</v>
      </c>
      <c r="C1261" s="10" t="s">
        <v>8</v>
      </c>
      <c r="D1261" s="10">
        <v>30</v>
      </c>
      <c r="E1261" s="10">
        <v>12</v>
      </c>
      <c r="F1261" s="10">
        <v>1</v>
      </c>
      <c r="G1261" s="10">
        <v>221</v>
      </c>
    </row>
    <row r="1262" spans="2:7" ht="18.75" x14ac:dyDescent="0.4">
      <c r="B1262" s="10" t="s">
        <v>1251</v>
      </c>
      <c r="C1262" s="10" t="s">
        <v>8</v>
      </c>
      <c r="D1262" s="10">
        <v>30</v>
      </c>
      <c r="E1262" s="10">
        <v>12</v>
      </c>
      <c r="F1262" s="10">
        <v>1</v>
      </c>
      <c r="G1262" s="10">
        <v>221</v>
      </c>
    </row>
    <row r="1263" spans="2:7" ht="18.75" x14ac:dyDescent="0.4">
      <c r="B1263" s="10" t="s">
        <v>1252</v>
      </c>
      <c r="C1263" s="10" t="s">
        <v>8</v>
      </c>
      <c r="D1263" s="10">
        <v>30</v>
      </c>
      <c r="E1263" s="10">
        <v>12</v>
      </c>
      <c r="F1263" s="10">
        <v>1</v>
      </c>
      <c r="G1263" s="10">
        <v>221</v>
      </c>
    </row>
    <row r="1264" spans="2:7" ht="18.75" x14ac:dyDescent="0.4">
      <c r="B1264" s="10" t="s">
        <v>1253</v>
      </c>
      <c r="C1264" s="10" t="s">
        <v>8</v>
      </c>
      <c r="D1264" s="10">
        <v>30</v>
      </c>
      <c r="E1264" s="10">
        <v>12</v>
      </c>
      <c r="F1264" s="10">
        <v>1</v>
      </c>
      <c r="G1264" s="10">
        <v>221</v>
      </c>
    </row>
    <row r="1265" spans="2:7" ht="18.75" x14ac:dyDescent="0.4">
      <c r="B1265" s="10" t="s">
        <v>1254</v>
      </c>
      <c r="C1265" s="10" t="s">
        <v>8</v>
      </c>
      <c r="D1265" s="10">
        <v>30</v>
      </c>
      <c r="E1265" s="10">
        <v>12</v>
      </c>
      <c r="F1265" s="10">
        <v>1</v>
      </c>
      <c r="G1265" s="10">
        <v>221</v>
      </c>
    </row>
    <row r="1266" spans="2:7" ht="18.75" x14ac:dyDescent="0.4">
      <c r="B1266" s="10" t="s">
        <v>1255</v>
      </c>
      <c r="C1266" s="10" t="s">
        <v>8</v>
      </c>
      <c r="D1266" s="10">
        <v>30</v>
      </c>
      <c r="E1266" s="10">
        <v>12</v>
      </c>
      <c r="F1266" s="10">
        <v>1</v>
      </c>
      <c r="G1266" s="10">
        <v>221</v>
      </c>
    </row>
    <row r="1267" spans="2:7" ht="18.75" x14ac:dyDescent="0.4">
      <c r="B1267" s="10" t="s">
        <v>1256</v>
      </c>
      <c r="C1267" s="10" t="s">
        <v>8</v>
      </c>
      <c r="D1267" s="10">
        <v>30</v>
      </c>
      <c r="E1267" s="10">
        <v>12</v>
      </c>
      <c r="F1267" s="10">
        <v>1</v>
      </c>
      <c r="G1267" s="10">
        <v>221</v>
      </c>
    </row>
    <row r="1268" spans="2:7" ht="18.75" x14ac:dyDescent="0.4">
      <c r="B1268" s="10" t="s">
        <v>1257</v>
      </c>
      <c r="C1268" s="10" t="s">
        <v>8</v>
      </c>
      <c r="D1268" s="10">
        <v>30</v>
      </c>
      <c r="E1268" s="10">
        <v>12</v>
      </c>
      <c r="F1268" s="10">
        <v>1</v>
      </c>
      <c r="G1268" s="10">
        <v>221</v>
      </c>
    </row>
    <row r="1269" spans="2:7" ht="18.75" x14ac:dyDescent="0.4">
      <c r="B1269" s="10" t="s">
        <v>1258</v>
      </c>
      <c r="C1269" s="10" t="s">
        <v>8</v>
      </c>
      <c r="D1269" s="10">
        <v>30</v>
      </c>
      <c r="E1269" s="10">
        <v>12</v>
      </c>
      <c r="F1269" s="10">
        <v>1</v>
      </c>
      <c r="G1269" s="10">
        <v>221</v>
      </c>
    </row>
    <row r="1270" spans="2:7" ht="18.75" x14ac:dyDescent="0.4">
      <c r="B1270" s="10" t="s">
        <v>1259</v>
      </c>
      <c r="C1270" s="10" t="s">
        <v>8</v>
      </c>
      <c r="D1270" s="10">
        <v>30</v>
      </c>
      <c r="E1270" s="10">
        <v>12</v>
      </c>
      <c r="F1270" s="10">
        <v>1</v>
      </c>
      <c r="G1270" s="10">
        <v>221</v>
      </c>
    </row>
    <row r="1271" spans="2:7" ht="18.75" x14ac:dyDescent="0.4">
      <c r="B1271" s="10" t="s">
        <v>1260</v>
      </c>
      <c r="C1271" s="10" t="s">
        <v>8</v>
      </c>
      <c r="D1271" s="10">
        <v>30</v>
      </c>
      <c r="E1271" s="10">
        <v>12</v>
      </c>
      <c r="F1271" s="10">
        <v>1</v>
      </c>
      <c r="G1271" s="10">
        <v>221</v>
      </c>
    </row>
    <row r="1272" spans="2:7" ht="18.75" x14ac:dyDescent="0.4">
      <c r="B1272" s="10" t="s">
        <v>1261</v>
      </c>
      <c r="C1272" s="10" t="s">
        <v>8</v>
      </c>
      <c r="D1272" s="10">
        <v>30</v>
      </c>
      <c r="E1272" s="10">
        <v>12</v>
      </c>
      <c r="F1272" s="10">
        <v>1</v>
      </c>
      <c r="G1272" s="10">
        <v>221</v>
      </c>
    </row>
    <row r="1273" spans="2:7" ht="18.75" x14ac:dyDescent="0.4">
      <c r="B1273" s="10" t="s">
        <v>1262</v>
      </c>
      <c r="C1273" s="10" t="s">
        <v>8</v>
      </c>
      <c r="D1273" s="10">
        <v>30</v>
      </c>
      <c r="E1273" s="10">
        <v>12</v>
      </c>
      <c r="F1273" s="10">
        <v>1</v>
      </c>
      <c r="G1273" s="10">
        <v>221</v>
      </c>
    </row>
    <row r="1274" spans="2:7" ht="18.75" x14ac:dyDescent="0.4">
      <c r="B1274" s="10" t="s">
        <v>1263</v>
      </c>
      <c r="C1274" s="10" t="s">
        <v>8</v>
      </c>
      <c r="D1274" s="10">
        <v>30</v>
      </c>
      <c r="E1274" s="10">
        <v>12</v>
      </c>
      <c r="F1274" s="10">
        <v>1</v>
      </c>
      <c r="G1274" s="10">
        <v>221</v>
      </c>
    </row>
    <row r="1275" spans="2:7" ht="18.75" x14ac:dyDescent="0.4">
      <c r="B1275" s="10" t="s">
        <v>1264</v>
      </c>
      <c r="C1275" s="10" t="s">
        <v>8</v>
      </c>
      <c r="D1275" s="10">
        <v>30</v>
      </c>
      <c r="E1275" s="10">
        <v>12</v>
      </c>
      <c r="F1275" s="10">
        <v>1</v>
      </c>
      <c r="G1275" s="10">
        <v>221</v>
      </c>
    </row>
    <row r="1276" spans="2:7" ht="18.75" x14ac:dyDescent="0.4">
      <c r="B1276" s="10" t="s">
        <v>1265</v>
      </c>
      <c r="C1276" s="10" t="s">
        <v>8</v>
      </c>
      <c r="D1276" s="10">
        <v>30</v>
      </c>
      <c r="E1276" s="10">
        <v>12</v>
      </c>
      <c r="F1276" s="10">
        <v>1</v>
      </c>
      <c r="G1276" s="10">
        <v>221</v>
      </c>
    </row>
    <row r="1277" spans="2:7" ht="18.75" x14ac:dyDescent="0.4">
      <c r="B1277" s="10" t="s">
        <v>1266</v>
      </c>
      <c r="C1277" s="10" t="s">
        <v>8</v>
      </c>
      <c r="D1277" s="10">
        <v>30</v>
      </c>
      <c r="E1277" s="10">
        <v>12</v>
      </c>
      <c r="F1277" s="10">
        <v>1</v>
      </c>
      <c r="G1277" s="10">
        <v>221</v>
      </c>
    </row>
    <row r="1278" spans="2:7" ht="18.75" x14ac:dyDescent="0.4">
      <c r="B1278" s="10" t="s">
        <v>1267</v>
      </c>
      <c r="C1278" s="10" t="s">
        <v>8</v>
      </c>
      <c r="D1278" s="10">
        <v>30</v>
      </c>
      <c r="E1278" s="10">
        <v>12</v>
      </c>
      <c r="F1278" s="10">
        <v>1</v>
      </c>
      <c r="G1278" s="10">
        <v>221</v>
      </c>
    </row>
    <row r="1279" spans="2:7" ht="18.75" x14ac:dyDescent="0.4">
      <c r="B1279" s="10" t="s">
        <v>1268</v>
      </c>
      <c r="C1279" s="10" t="s">
        <v>8</v>
      </c>
      <c r="D1279" s="10">
        <v>30</v>
      </c>
      <c r="E1279" s="10">
        <v>12</v>
      </c>
      <c r="F1279" s="10">
        <v>1</v>
      </c>
      <c r="G1279" s="10">
        <v>221</v>
      </c>
    </row>
    <row r="1280" spans="2:7" ht="18.75" x14ac:dyDescent="0.4">
      <c r="B1280" s="10" t="s">
        <v>1269</v>
      </c>
      <c r="C1280" s="10" t="s">
        <v>8</v>
      </c>
      <c r="D1280" s="10">
        <v>30</v>
      </c>
      <c r="E1280" s="10">
        <v>12</v>
      </c>
      <c r="F1280" s="10">
        <v>1</v>
      </c>
      <c r="G1280" s="10">
        <v>221</v>
      </c>
    </row>
    <row r="1281" spans="2:7" ht="18.75" x14ac:dyDescent="0.4">
      <c r="B1281" s="10" t="s">
        <v>1270</v>
      </c>
      <c r="C1281" s="10" t="s">
        <v>8</v>
      </c>
      <c r="D1281" s="10">
        <v>30</v>
      </c>
      <c r="E1281" s="10">
        <v>12</v>
      </c>
      <c r="F1281" s="10">
        <v>1</v>
      </c>
      <c r="G1281" s="10">
        <v>221</v>
      </c>
    </row>
    <row r="1282" spans="2:7" ht="18.75" x14ac:dyDescent="0.4">
      <c r="B1282" s="10" t="s">
        <v>1271</v>
      </c>
      <c r="C1282" s="10" t="s">
        <v>8</v>
      </c>
      <c r="D1282" s="10">
        <v>30</v>
      </c>
      <c r="E1282" s="10">
        <v>12</v>
      </c>
      <c r="F1282" s="10">
        <v>1</v>
      </c>
      <c r="G1282" s="10">
        <v>221</v>
      </c>
    </row>
    <row r="1283" spans="2:7" ht="18.75" x14ac:dyDescent="0.4">
      <c r="B1283" s="10" t="s">
        <v>1272</v>
      </c>
      <c r="C1283" s="10" t="s">
        <v>8</v>
      </c>
      <c r="D1283" s="10">
        <v>30</v>
      </c>
      <c r="E1283" s="10">
        <v>12</v>
      </c>
      <c r="F1283" s="10">
        <v>1</v>
      </c>
      <c r="G1283" s="10">
        <v>221</v>
      </c>
    </row>
    <row r="1284" spans="2:7" ht="18.75" x14ac:dyDescent="0.4">
      <c r="B1284" s="10" t="s">
        <v>1273</v>
      </c>
      <c r="C1284" s="10" t="s">
        <v>8</v>
      </c>
      <c r="D1284" s="10">
        <v>30</v>
      </c>
      <c r="E1284" s="10">
        <v>12</v>
      </c>
      <c r="F1284" s="10">
        <v>1</v>
      </c>
      <c r="G1284" s="10">
        <v>221</v>
      </c>
    </row>
    <row r="1285" spans="2:7" ht="18.75" x14ac:dyDescent="0.4">
      <c r="B1285" s="10" t="s">
        <v>1274</v>
      </c>
      <c r="C1285" s="10" t="s">
        <v>8</v>
      </c>
      <c r="D1285" s="10">
        <v>30</v>
      </c>
      <c r="E1285" s="10">
        <v>12</v>
      </c>
      <c r="F1285" s="10">
        <v>1</v>
      </c>
      <c r="G1285" s="10">
        <v>221</v>
      </c>
    </row>
    <row r="1286" spans="2:7" ht="18.75" x14ac:dyDescent="0.4">
      <c r="B1286" s="10" t="s">
        <v>1275</v>
      </c>
      <c r="C1286" s="10" t="s">
        <v>8</v>
      </c>
      <c r="D1286" s="10">
        <v>30</v>
      </c>
      <c r="E1286" s="10">
        <v>12</v>
      </c>
      <c r="F1286" s="10">
        <v>1</v>
      </c>
      <c r="G1286" s="10">
        <v>221</v>
      </c>
    </row>
    <row r="1287" spans="2:7" ht="18.75" x14ac:dyDescent="0.4">
      <c r="B1287" s="10" t="s">
        <v>1276</v>
      </c>
      <c r="C1287" s="10" t="s">
        <v>8</v>
      </c>
      <c r="D1287" s="10">
        <v>30</v>
      </c>
      <c r="E1287" s="10">
        <v>12</v>
      </c>
      <c r="F1287" s="10">
        <v>1</v>
      </c>
      <c r="G1287" s="10">
        <v>221</v>
      </c>
    </row>
    <row r="1288" spans="2:7" ht="18.75" x14ac:dyDescent="0.4">
      <c r="B1288" s="10" t="s">
        <v>1277</v>
      </c>
      <c r="C1288" s="10" t="s">
        <v>8</v>
      </c>
      <c r="D1288" s="10">
        <v>30</v>
      </c>
      <c r="E1288" s="10">
        <v>12</v>
      </c>
      <c r="F1288" s="10">
        <v>1</v>
      </c>
      <c r="G1288" s="10">
        <v>221</v>
      </c>
    </row>
    <row r="1289" spans="2:7" ht="18.75" x14ac:dyDescent="0.4">
      <c r="B1289" s="10" t="s">
        <v>1278</v>
      </c>
      <c r="C1289" s="10" t="s">
        <v>8</v>
      </c>
      <c r="D1289" s="10">
        <v>30</v>
      </c>
      <c r="E1289" s="10">
        <v>12</v>
      </c>
      <c r="F1289" s="10">
        <v>1</v>
      </c>
      <c r="G1289" s="10">
        <v>221</v>
      </c>
    </row>
    <row r="1290" spans="2:7" ht="18.75" x14ac:dyDescent="0.4">
      <c r="B1290" s="10" t="s">
        <v>1279</v>
      </c>
      <c r="C1290" s="10" t="s">
        <v>8</v>
      </c>
      <c r="D1290" s="10">
        <v>30</v>
      </c>
      <c r="E1290" s="10">
        <v>12</v>
      </c>
      <c r="F1290" s="10">
        <v>1</v>
      </c>
      <c r="G1290" s="10">
        <v>221</v>
      </c>
    </row>
    <row r="1291" spans="2:7" ht="18.75" x14ac:dyDescent="0.4">
      <c r="B1291" s="10" t="s">
        <v>1280</v>
      </c>
      <c r="C1291" s="10" t="s">
        <v>8</v>
      </c>
      <c r="D1291" s="10">
        <v>30</v>
      </c>
      <c r="E1291" s="10">
        <v>12</v>
      </c>
      <c r="F1291" s="10">
        <v>1</v>
      </c>
      <c r="G1291" s="10">
        <v>221</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30</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P-PCuser</dc:creator>
  <cp:lastModifiedBy>HP-PCuser</cp:lastModifiedBy>
  <dcterms:created xsi:type="dcterms:W3CDTF">2020-12-25T04:34:20Z</dcterms:created>
  <dcterms:modified xsi:type="dcterms:W3CDTF">2022-04-26T01:16:40Z</dcterms:modified>
</cp:coreProperties>
</file>